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0.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14.xml" ContentType="application/vnd.openxmlformats-officedocument.presentationml.notesSlid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17.xml" ContentType="application/vnd.openxmlformats-officedocument.presentationml.notesSl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5" Type="http://schemas.microsoft.com/office/2020/02/relationships/classificationlabels" Target="docMetadata/LabelInfo.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84" r:id="rId4"/>
  </p:sldMasterIdLst>
  <p:notesMasterIdLst>
    <p:notesMasterId r:id="rId26"/>
  </p:notesMasterIdLst>
  <p:handoutMasterIdLst>
    <p:handoutMasterId r:id="rId27"/>
  </p:handoutMasterIdLst>
  <p:sldIdLst>
    <p:sldId id="257" r:id="rId5"/>
    <p:sldId id="270" r:id="rId6"/>
    <p:sldId id="399" r:id="rId7"/>
    <p:sldId id="401" r:id="rId8"/>
    <p:sldId id="392" r:id="rId9"/>
    <p:sldId id="393" r:id="rId10"/>
    <p:sldId id="402" r:id="rId11"/>
    <p:sldId id="395" r:id="rId12"/>
    <p:sldId id="403" r:id="rId13"/>
    <p:sldId id="404" r:id="rId14"/>
    <p:sldId id="412" r:id="rId15"/>
    <p:sldId id="396" r:id="rId16"/>
    <p:sldId id="405" r:id="rId17"/>
    <p:sldId id="406" r:id="rId18"/>
    <p:sldId id="397" r:id="rId19"/>
    <p:sldId id="407" r:id="rId20"/>
    <p:sldId id="408" r:id="rId21"/>
    <p:sldId id="409" r:id="rId22"/>
    <p:sldId id="410" r:id="rId23"/>
    <p:sldId id="411" r:id="rId24"/>
    <p:sldId id="400" r:id="rId25"/>
  </p:sldIdLst>
  <p:sldSz cx="12192000" cy="6858000"/>
  <p:notesSz cx="6858000" cy="9144000"/>
  <p:defaultTextStyle>
    <a:defPPr rtl="0">
      <a:defRPr lang="en-GB"/>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2" pos="3840">
          <p15:clr>
            <a:srgbClr val="F26B43"/>
          </p15:clr>
        </p15:guide>
        <p15:guide id="3" orient="horz" pos="216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7335B"/>
    <a:srgbClr val="CCE8DA"/>
  </p:clrMru>
  <p:extLst>
    <p:ext uri="{E76CE94A-603C-4142-B9EB-6D1370010A27}">
      <p14:discardImageEditData xmlns:p14="http://schemas.microsoft.com/office/powerpoint/2010/main" val="0"/>
    </p:ext>
    <p:ext uri="{D31A062A-798A-4329-ABDD-BBA856620510}">
      <p14:defaultImageDpi xmlns:p14="http://schemas.microsoft.com/office/powerpoint/2010/main" val="15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0A15C55-8517-42AA-B614-E9B94910E393}" styleName="Medium Style 2 - Accent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7DF18680-E054-41AD-8BC1-D1AEF772440D}" styleName="Medium Style 2 - Accent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6014" autoAdjust="0"/>
    <p:restoredTop sz="93725" autoAdjust="0"/>
  </p:normalViewPr>
  <p:slideViewPr>
    <p:cSldViewPr snapToGrid="0">
      <p:cViewPr varScale="1">
        <p:scale>
          <a:sx n="150" d="100"/>
          <a:sy n="150" d="100"/>
        </p:scale>
        <p:origin x="624" y="120"/>
      </p:cViewPr>
      <p:guideLst>
        <p:guide pos="3840"/>
        <p:guide orient="horz" pos="2160"/>
      </p:guideLst>
    </p:cSldViewPr>
  </p:slideViewPr>
  <p:outlineViewPr>
    <p:cViewPr>
      <p:scale>
        <a:sx n="33" d="100"/>
        <a:sy n="33" d="100"/>
      </p:scale>
      <p:origin x="0" y="-2709"/>
    </p:cViewPr>
  </p:outlineViewPr>
  <p:notesTextViewPr>
    <p:cViewPr>
      <p:scale>
        <a:sx n="1" d="1"/>
        <a:sy n="1" d="1"/>
      </p:scale>
      <p:origin x="0" y="0"/>
    </p:cViewPr>
  </p:notesTextViewPr>
  <p:sorterViewPr>
    <p:cViewPr varScale="1">
      <p:scale>
        <a:sx n="1" d="1"/>
        <a:sy n="1" d="1"/>
      </p:scale>
      <p:origin x="0" y="0"/>
    </p:cViewPr>
  </p:sorterViewPr>
  <p:notesViewPr>
    <p:cSldViewPr snapToGrid="0">
      <p:cViewPr varScale="1">
        <p:scale>
          <a:sx n="114" d="100"/>
          <a:sy n="114" d="100"/>
        </p:scale>
        <p:origin x="2226" y="84"/>
      </p:cViewPr>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notesMaster" Target="notesMasters/notesMaster1.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viewProps" Target="view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presProps" Target="presProp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tableStyles" Target="tableStyles.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handoutMaster" Target="handoutMasters/handoutMaster1.xml"/><Relationship Id="rId30"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oleObject" Target="file:///D:\Ray-tracer\GCP_Raytracer_Framework\test_1_results_full.csv"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D:\Ray-tracer\GCP_Raytracer_Framework\test_1_results_14down.csv"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D:\Ray-tracer\GCP_Raytracer_Framework\test_2_results_full.csv"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file:///D:\Ray-tracer\GCP_Raytracer_Framework\test_2_results_7down.csv"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bournemouth.ac.uk\data\student\home\SciTech\s5410693\test_3_scene2_results.csv"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bournemouth.ac.uk\data\student\home\SciTech\s5410693\test_3_scene1_results.csv" TargetMode="External"/><Relationship Id="rId2" Type="http://schemas.microsoft.com/office/2011/relationships/chartColorStyle" Target="colors6.xml"/><Relationship Id="rId1" Type="http://schemas.microsoft.com/office/2011/relationships/chartStyle" Target="style6.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hread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1_results_full!$B$1</c:f>
              <c:strCache>
                <c:ptCount val="1"/>
                <c:pt idx="0">
                  <c:v>AverageFrameTime</c:v>
                </c:pt>
              </c:strCache>
            </c:strRef>
          </c:tx>
          <c:spPr>
            <a:ln w="28575" cap="rnd">
              <a:solidFill>
                <a:schemeClr val="accent1"/>
              </a:solidFill>
              <a:round/>
            </a:ln>
            <a:effectLst/>
          </c:spPr>
          <c:marker>
            <c:symbol val="none"/>
          </c:marker>
          <c:cat>
            <c:numRef>
              <c:f>test_1_results_full!$A$2:$A$501</c:f>
              <c:numCache>
                <c:formatCode>General</c:formatCode>
                <c:ptCount val="500"/>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pt idx="256">
                  <c:v>257</c:v>
                </c:pt>
                <c:pt idx="257">
                  <c:v>258</c:v>
                </c:pt>
                <c:pt idx="258">
                  <c:v>259</c:v>
                </c:pt>
                <c:pt idx="259">
                  <c:v>260</c:v>
                </c:pt>
                <c:pt idx="260">
                  <c:v>261</c:v>
                </c:pt>
                <c:pt idx="261">
                  <c:v>262</c:v>
                </c:pt>
                <c:pt idx="262">
                  <c:v>263</c:v>
                </c:pt>
                <c:pt idx="263">
                  <c:v>264</c:v>
                </c:pt>
                <c:pt idx="264">
                  <c:v>265</c:v>
                </c:pt>
                <c:pt idx="265">
                  <c:v>266</c:v>
                </c:pt>
                <c:pt idx="266">
                  <c:v>267</c:v>
                </c:pt>
                <c:pt idx="267">
                  <c:v>268</c:v>
                </c:pt>
                <c:pt idx="268">
                  <c:v>269</c:v>
                </c:pt>
                <c:pt idx="269">
                  <c:v>270</c:v>
                </c:pt>
                <c:pt idx="270">
                  <c:v>271</c:v>
                </c:pt>
                <c:pt idx="271">
                  <c:v>272</c:v>
                </c:pt>
                <c:pt idx="272">
                  <c:v>273</c:v>
                </c:pt>
                <c:pt idx="273">
                  <c:v>274</c:v>
                </c:pt>
                <c:pt idx="274">
                  <c:v>275</c:v>
                </c:pt>
                <c:pt idx="275">
                  <c:v>276</c:v>
                </c:pt>
                <c:pt idx="276">
                  <c:v>277</c:v>
                </c:pt>
                <c:pt idx="277">
                  <c:v>278</c:v>
                </c:pt>
                <c:pt idx="278">
                  <c:v>279</c:v>
                </c:pt>
                <c:pt idx="279">
                  <c:v>280</c:v>
                </c:pt>
                <c:pt idx="280">
                  <c:v>281</c:v>
                </c:pt>
                <c:pt idx="281">
                  <c:v>282</c:v>
                </c:pt>
                <c:pt idx="282">
                  <c:v>283</c:v>
                </c:pt>
                <c:pt idx="283">
                  <c:v>284</c:v>
                </c:pt>
                <c:pt idx="284">
                  <c:v>285</c:v>
                </c:pt>
                <c:pt idx="285">
                  <c:v>286</c:v>
                </c:pt>
                <c:pt idx="286">
                  <c:v>287</c:v>
                </c:pt>
                <c:pt idx="287">
                  <c:v>288</c:v>
                </c:pt>
                <c:pt idx="288">
                  <c:v>289</c:v>
                </c:pt>
                <c:pt idx="289">
                  <c:v>290</c:v>
                </c:pt>
                <c:pt idx="290">
                  <c:v>291</c:v>
                </c:pt>
                <c:pt idx="291">
                  <c:v>292</c:v>
                </c:pt>
                <c:pt idx="292">
                  <c:v>293</c:v>
                </c:pt>
                <c:pt idx="293">
                  <c:v>294</c:v>
                </c:pt>
                <c:pt idx="294">
                  <c:v>295</c:v>
                </c:pt>
                <c:pt idx="295">
                  <c:v>296</c:v>
                </c:pt>
                <c:pt idx="296">
                  <c:v>297</c:v>
                </c:pt>
                <c:pt idx="297">
                  <c:v>298</c:v>
                </c:pt>
                <c:pt idx="298">
                  <c:v>299</c:v>
                </c:pt>
                <c:pt idx="299">
                  <c:v>300</c:v>
                </c:pt>
                <c:pt idx="300">
                  <c:v>301</c:v>
                </c:pt>
                <c:pt idx="301">
                  <c:v>302</c:v>
                </c:pt>
                <c:pt idx="302">
                  <c:v>303</c:v>
                </c:pt>
                <c:pt idx="303">
                  <c:v>304</c:v>
                </c:pt>
                <c:pt idx="304">
                  <c:v>305</c:v>
                </c:pt>
                <c:pt idx="305">
                  <c:v>306</c:v>
                </c:pt>
                <c:pt idx="306">
                  <c:v>307</c:v>
                </c:pt>
                <c:pt idx="307">
                  <c:v>308</c:v>
                </c:pt>
                <c:pt idx="308">
                  <c:v>309</c:v>
                </c:pt>
                <c:pt idx="309">
                  <c:v>310</c:v>
                </c:pt>
                <c:pt idx="310">
                  <c:v>311</c:v>
                </c:pt>
                <c:pt idx="311">
                  <c:v>312</c:v>
                </c:pt>
                <c:pt idx="312">
                  <c:v>313</c:v>
                </c:pt>
                <c:pt idx="313">
                  <c:v>314</c:v>
                </c:pt>
                <c:pt idx="314">
                  <c:v>315</c:v>
                </c:pt>
                <c:pt idx="315">
                  <c:v>316</c:v>
                </c:pt>
                <c:pt idx="316">
                  <c:v>317</c:v>
                </c:pt>
                <c:pt idx="317">
                  <c:v>318</c:v>
                </c:pt>
                <c:pt idx="318">
                  <c:v>319</c:v>
                </c:pt>
                <c:pt idx="319">
                  <c:v>320</c:v>
                </c:pt>
                <c:pt idx="320">
                  <c:v>321</c:v>
                </c:pt>
                <c:pt idx="321">
                  <c:v>322</c:v>
                </c:pt>
                <c:pt idx="322">
                  <c:v>323</c:v>
                </c:pt>
                <c:pt idx="323">
                  <c:v>324</c:v>
                </c:pt>
                <c:pt idx="324">
                  <c:v>325</c:v>
                </c:pt>
                <c:pt idx="325">
                  <c:v>326</c:v>
                </c:pt>
                <c:pt idx="326">
                  <c:v>327</c:v>
                </c:pt>
                <c:pt idx="327">
                  <c:v>328</c:v>
                </c:pt>
                <c:pt idx="328">
                  <c:v>329</c:v>
                </c:pt>
                <c:pt idx="329">
                  <c:v>330</c:v>
                </c:pt>
                <c:pt idx="330">
                  <c:v>331</c:v>
                </c:pt>
                <c:pt idx="331">
                  <c:v>332</c:v>
                </c:pt>
                <c:pt idx="332">
                  <c:v>333</c:v>
                </c:pt>
                <c:pt idx="333">
                  <c:v>334</c:v>
                </c:pt>
                <c:pt idx="334">
                  <c:v>335</c:v>
                </c:pt>
                <c:pt idx="335">
                  <c:v>336</c:v>
                </c:pt>
                <c:pt idx="336">
                  <c:v>337</c:v>
                </c:pt>
                <c:pt idx="337">
                  <c:v>338</c:v>
                </c:pt>
                <c:pt idx="338">
                  <c:v>339</c:v>
                </c:pt>
                <c:pt idx="339">
                  <c:v>340</c:v>
                </c:pt>
                <c:pt idx="340">
                  <c:v>341</c:v>
                </c:pt>
                <c:pt idx="341">
                  <c:v>342</c:v>
                </c:pt>
                <c:pt idx="342">
                  <c:v>343</c:v>
                </c:pt>
                <c:pt idx="343">
                  <c:v>344</c:v>
                </c:pt>
                <c:pt idx="344">
                  <c:v>345</c:v>
                </c:pt>
                <c:pt idx="345">
                  <c:v>346</c:v>
                </c:pt>
                <c:pt idx="346">
                  <c:v>347</c:v>
                </c:pt>
                <c:pt idx="347">
                  <c:v>348</c:v>
                </c:pt>
                <c:pt idx="348">
                  <c:v>349</c:v>
                </c:pt>
                <c:pt idx="349">
                  <c:v>350</c:v>
                </c:pt>
                <c:pt idx="350">
                  <c:v>351</c:v>
                </c:pt>
                <c:pt idx="351">
                  <c:v>352</c:v>
                </c:pt>
                <c:pt idx="352">
                  <c:v>353</c:v>
                </c:pt>
                <c:pt idx="353">
                  <c:v>354</c:v>
                </c:pt>
                <c:pt idx="354">
                  <c:v>355</c:v>
                </c:pt>
                <c:pt idx="355">
                  <c:v>356</c:v>
                </c:pt>
                <c:pt idx="356">
                  <c:v>357</c:v>
                </c:pt>
                <c:pt idx="357">
                  <c:v>358</c:v>
                </c:pt>
                <c:pt idx="358">
                  <c:v>359</c:v>
                </c:pt>
                <c:pt idx="359">
                  <c:v>360</c:v>
                </c:pt>
                <c:pt idx="360">
                  <c:v>361</c:v>
                </c:pt>
                <c:pt idx="361">
                  <c:v>362</c:v>
                </c:pt>
                <c:pt idx="362">
                  <c:v>363</c:v>
                </c:pt>
                <c:pt idx="363">
                  <c:v>364</c:v>
                </c:pt>
                <c:pt idx="364">
                  <c:v>365</c:v>
                </c:pt>
                <c:pt idx="365">
                  <c:v>366</c:v>
                </c:pt>
                <c:pt idx="366">
                  <c:v>367</c:v>
                </c:pt>
                <c:pt idx="367">
                  <c:v>368</c:v>
                </c:pt>
                <c:pt idx="368">
                  <c:v>369</c:v>
                </c:pt>
                <c:pt idx="369">
                  <c:v>370</c:v>
                </c:pt>
                <c:pt idx="370">
                  <c:v>371</c:v>
                </c:pt>
                <c:pt idx="371">
                  <c:v>372</c:v>
                </c:pt>
                <c:pt idx="372">
                  <c:v>373</c:v>
                </c:pt>
                <c:pt idx="373">
                  <c:v>374</c:v>
                </c:pt>
                <c:pt idx="374">
                  <c:v>375</c:v>
                </c:pt>
                <c:pt idx="375">
                  <c:v>376</c:v>
                </c:pt>
                <c:pt idx="376">
                  <c:v>377</c:v>
                </c:pt>
                <c:pt idx="377">
                  <c:v>378</c:v>
                </c:pt>
                <c:pt idx="378">
                  <c:v>379</c:v>
                </c:pt>
                <c:pt idx="379">
                  <c:v>380</c:v>
                </c:pt>
                <c:pt idx="380">
                  <c:v>381</c:v>
                </c:pt>
                <c:pt idx="381">
                  <c:v>382</c:v>
                </c:pt>
                <c:pt idx="382">
                  <c:v>383</c:v>
                </c:pt>
                <c:pt idx="383">
                  <c:v>384</c:v>
                </c:pt>
                <c:pt idx="384">
                  <c:v>385</c:v>
                </c:pt>
                <c:pt idx="385">
                  <c:v>386</c:v>
                </c:pt>
                <c:pt idx="386">
                  <c:v>387</c:v>
                </c:pt>
                <c:pt idx="387">
                  <c:v>388</c:v>
                </c:pt>
                <c:pt idx="388">
                  <c:v>389</c:v>
                </c:pt>
                <c:pt idx="389">
                  <c:v>390</c:v>
                </c:pt>
                <c:pt idx="390">
                  <c:v>391</c:v>
                </c:pt>
                <c:pt idx="391">
                  <c:v>392</c:v>
                </c:pt>
                <c:pt idx="392">
                  <c:v>393</c:v>
                </c:pt>
                <c:pt idx="393">
                  <c:v>394</c:v>
                </c:pt>
                <c:pt idx="394">
                  <c:v>395</c:v>
                </c:pt>
                <c:pt idx="395">
                  <c:v>396</c:v>
                </c:pt>
                <c:pt idx="396">
                  <c:v>397</c:v>
                </c:pt>
                <c:pt idx="397">
                  <c:v>398</c:v>
                </c:pt>
                <c:pt idx="398">
                  <c:v>399</c:v>
                </c:pt>
                <c:pt idx="399">
                  <c:v>400</c:v>
                </c:pt>
                <c:pt idx="400">
                  <c:v>401</c:v>
                </c:pt>
                <c:pt idx="401">
                  <c:v>402</c:v>
                </c:pt>
                <c:pt idx="402">
                  <c:v>403</c:v>
                </c:pt>
                <c:pt idx="403">
                  <c:v>404</c:v>
                </c:pt>
                <c:pt idx="404">
                  <c:v>405</c:v>
                </c:pt>
                <c:pt idx="405">
                  <c:v>406</c:v>
                </c:pt>
                <c:pt idx="406">
                  <c:v>407</c:v>
                </c:pt>
                <c:pt idx="407">
                  <c:v>408</c:v>
                </c:pt>
                <c:pt idx="408">
                  <c:v>409</c:v>
                </c:pt>
                <c:pt idx="409">
                  <c:v>410</c:v>
                </c:pt>
                <c:pt idx="410">
                  <c:v>411</c:v>
                </c:pt>
                <c:pt idx="411">
                  <c:v>412</c:v>
                </c:pt>
                <c:pt idx="412">
                  <c:v>413</c:v>
                </c:pt>
                <c:pt idx="413">
                  <c:v>414</c:v>
                </c:pt>
                <c:pt idx="414">
                  <c:v>415</c:v>
                </c:pt>
                <c:pt idx="415">
                  <c:v>416</c:v>
                </c:pt>
                <c:pt idx="416">
                  <c:v>417</c:v>
                </c:pt>
                <c:pt idx="417">
                  <c:v>418</c:v>
                </c:pt>
                <c:pt idx="418">
                  <c:v>419</c:v>
                </c:pt>
                <c:pt idx="419">
                  <c:v>420</c:v>
                </c:pt>
                <c:pt idx="420">
                  <c:v>421</c:v>
                </c:pt>
                <c:pt idx="421">
                  <c:v>422</c:v>
                </c:pt>
                <c:pt idx="422">
                  <c:v>423</c:v>
                </c:pt>
                <c:pt idx="423">
                  <c:v>424</c:v>
                </c:pt>
                <c:pt idx="424">
                  <c:v>425</c:v>
                </c:pt>
                <c:pt idx="425">
                  <c:v>426</c:v>
                </c:pt>
                <c:pt idx="426">
                  <c:v>427</c:v>
                </c:pt>
                <c:pt idx="427">
                  <c:v>428</c:v>
                </c:pt>
                <c:pt idx="428">
                  <c:v>429</c:v>
                </c:pt>
                <c:pt idx="429">
                  <c:v>430</c:v>
                </c:pt>
                <c:pt idx="430">
                  <c:v>431</c:v>
                </c:pt>
                <c:pt idx="431">
                  <c:v>432</c:v>
                </c:pt>
                <c:pt idx="432">
                  <c:v>433</c:v>
                </c:pt>
                <c:pt idx="433">
                  <c:v>434</c:v>
                </c:pt>
                <c:pt idx="434">
                  <c:v>435</c:v>
                </c:pt>
                <c:pt idx="435">
                  <c:v>436</c:v>
                </c:pt>
                <c:pt idx="436">
                  <c:v>437</c:v>
                </c:pt>
                <c:pt idx="437">
                  <c:v>438</c:v>
                </c:pt>
                <c:pt idx="438">
                  <c:v>439</c:v>
                </c:pt>
                <c:pt idx="439">
                  <c:v>440</c:v>
                </c:pt>
                <c:pt idx="440">
                  <c:v>441</c:v>
                </c:pt>
                <c:pt idx="441">
                  <c:v>442</c:v>
                </c:pt>
                <c:pt idx="442">
                  <c:v>443</c:v>
                </c:pt>
                <c:pt idx="443">
                  <c:v>444</c:v>
                </c:pt>
                <c:pt idx="444">
                  <c:v>445</c:v>
                </c:pt>
                <c:pt idx="445">
                  <c:v>446</c:v>
                </c:pt>
                <c:pt idx="446">
                  <c:v>447</c:v>
                </c:pt>
                <c:pt idx="447">
                  <c:v>448</c:v>
                </c:pt>
                <c:pt idx="448">
                  <c:v>449</c:v>
                </c:pt>
                <c:pt idx="449">
                  <c:v>450</c:v>
                </c:pt>
                <c:pt idx="450">
                  <c:v>451</c:v>
                </c:pt>
                <c:pt idx="451">
                  <c:v>452</c:v>
                </c:pt>
                <c:pt idx="452">
                  <c:v>453</c:v>
                </c:pt>
                <c:pt idx="453">
                  <c:v>454</c:v>
                </c:pt>
                <c:pt idx="454">
                  <c:v>455</c:v>
                </c:pt>
                <c:pt idx="455">
                  <c:v>456</c:v>
                </c:pt>
                <c:pt idx="456">
                  <c:v>457</c:v>
                </c:pt>
                <c:pt idx="457">
                  <c:v>458</c:v>
                </c:pt>
                <c:pt idx="458">
                  <c:v>459</c:v>
                </c:pt>
                <c:pt idx="459">
                  <c:v>460</c:v>
                </c:pt>
                <c:pt idx="460">
                  <c:v>461</c:v>
                </c:pt>
                <c:pt idx="461">
                  <c:v>462</c:v>
                </c:pt>
                <c:pt idx="462">
                  <c:v>463</c:v>
                </c:pt>
                <c:pt idx="463">
                  <c:v>464</c:v>
                </c:pt>
                <c:pt idx="464">
                  <c:v>465</c:v>
                </c:pt>
                <c:pt idx="465">
                  <c:v>466</c:v>
                </c:pt>
                <c:pt idx="466">
                  <c:v>467</c:v>
                </c:pt>
                <c:pt idx="467">
                  <c:v>468</c:v>
                </c:pt>
                <c:pt idx="468">
                  <c:v>469</c:v>
                </c:pt>
                <c:pt idx="469">
                  <c:v>470</c:v>
                </c:pt>
                <c:pt idx="470">
                  <c:v>471</c:v>
                </c:pt>
                <c:pt idx="471">
                  <c:v>472</c:v>
                </c:pt>
                <c:pt idx="472">
                  <c:v>473</c:v>
                </c:pt>
                <c:pt idx="473">
                  <c:v>474</c:v>
                </c:pt>
                <c:pt idx="474">
                  <c:v>475</c:v>
                </c:pt>
                <c:pt idx="475">
                  <c:v>476</c:v>
                </c:pt>
                <c:pt idx="476">
                  <c:v>477</c:v>
                </c:pt>
                <c:pt idx="477">
                  <c:v>478</c:v>
                </c:pt>
                <c:pt idx="478">
                  <c:v>479</c:v>
                </c:pt>
                <c:pt idx="479">
                  <c:v>480</c:v>
                </c:pt>
                <c:pt idx="480">
                  <c:v>481</c:v>
                </c:pt>
                <c:pt idx="481">
                  <c:v>482</c:v>
                </c:pt>
                <c:pt idx="482">
                  <c:v>483</c:v>
                </c:pt>
                <c:pt idx="483">
                  <c:v>484</c:v>
                </c:pt>
                <c:pt idx="484">
                  <c:v>485</c:v>
                </c:pt>
                <c:pt idx="485">
                  <c:v>486</c:v>
                </c:pt>
                <c:pt idx="486">
                  <c:v>487</c:v>
                </c:pt>
                <c:pt idx="487">
                  <c:v>488</c:v>
                </c:pt>
                <c:pt idx="488">
                  <c:v>489</c:v>
                </c:pt>
                <c:pt idx="489">
                  <c:v>490</c:v>
                </c:pt>
                <c:pt idx="490">
                  <c:v>491</c:v>
                </c:pt>
                <c:pt idx="491">
                  <c:v>492</c:v>
                </c:pt>
                <c:pt idx="492">
                  <c:v>493</c:v>
                </c:pt>
                <c:pt idx="493">
                  <c:v>494</c:v>
                </c:pt>
                <c:pt idx="494">
                  <c:v>495</c:v>
                </c:pt>
                <c:pt idx="495">
                  <c:v>496</c:v>
                </c:pt>
                <c:pt idx="496">
                  <c:v>497</c:v>
                </c:pt>
                <c:pt idx="497">
                  <c:v>498</c:v>
                </c:pt>
                <c:pt idx="498">
                  <c:v>499</c:v>
                </c:pt>
                <c:pt idx="499">
                  <c:v>500</c:v>
                </c:pt>
              </c:numCache>
            </c:numRef>
          </c:cat>
          <c:val>
            <c:numRef>
              <c:f>test_1_results_full!$B$2:$B$501</c:f>
              <c:numCache>
                <c:formatCode>General</c:formatCode>
                <c:ptCount val="500"/>
                <c:pt idx="0">
                  <c:v>1906.35</c:v>
                </c:pt>
                <c:pt idx="1">
                  <c:v>1042.92</c:v>
                </c:pt>
                <c:pt idx="2">
                  <c:v>728.04899999999998</c:v>
                </c:pt>
                <c:pt idx="3">
                  <c:v>589.99900000000002</c:v>
                </c:pt>
                <c:pt idx="4">
                  <c:v>471.83100000000002</c:v>
                </c:pt>
                <c:pt idx="5">
                  <c:v>403.00400000000002</c:v>
                </c:pt>
                <c:pt idx="6">
                  <c:v>359.08699999999999</c:v>
                </c:pt>
                <c:pt idx="7">
                  <c:v>314.51400000000001</c:v>
                </c:pt>
                <c:pt idx="8">
                  <c:v>301.93400000000003</c:v>
                </c:pt>
                <c:pt idx="9">
                  <c:v>295.42500000000001</c:v>
                </c:pt>
                <c:pt idx="10">
                  <c:v>276.85500000000002</c:v>
                </c:pt>
                <c:pt idx="11">
                  <c:v>267.92700000000002</c:v>
                </c:pt>
                <c:pt idx="12">
                  <c:v>263.11500000000001</c:v>
                </c:pt>
                <c:pt idx="13">
                  <c:v>247.77699999999999</c:v>
                </c:pt>
                <c:pt idx="14">
                  <c:v>240.34700000000001</c:v>
                </c:pt>
                <c:pt idx="15">
                  <c:v>229.32599999999999</c:v>
                </c:pt>
                <c:pt idx="16">
                  <c:v>221.02199999999999</c:v>
                </c:pt>
                <c:pt idx="17">
                  <c:v>219.53399999999999</c:v>
                </c:pt>
                <c:pt idx="18">
                  <c:v>211.94800000000001</c:v>
                </c:pt>
                <c:pt idx="19">
                  <c:v>203.24</c:v>
                </c:pt>
                <c:pt idx="20">
                  <c:v>194.625</c:v>
                </c:pt>
                <c:pt idx="21">
                  <c:v>193.542</c:v>
                </c:pt>
                <c:pt idx="22">
                  <c:v>189.85499999999999</c:v>
                </c:pt>
                <c:pt idx="23">
                  <c:v>187.858</c:v>
                </c:pt>
                <c:pt idx="24">
                  <c:v>185.39699999999999</c:v>
                </c:pt>
                <c:pt idx="25">
                  <c:v>187.279</c:v>
                </c:pt>
                <c:pt idx="26">
                  <c:v>185.21799999999999</c:v>
                </c:pt>
                <c:pt idx="27">
                  <c:v>183.24299999999999</c:v>
                </c:pt>
                <c:pt idx="28">
                  <c:v>179.916</c:v>
                </c:pt>
                <c:pt idx="29">
                  <c:v>185.87700000000001</c:v>
                </c:pt>
                <c:pt idx="30">
                  <c:v>180.02600000000001</c:v>
                </c:pt>
                <c:pt idx="31">
                  <c:v>180.63</c:v>
                </c:pt>
                <c:pt idx="32">
                  <c:v>180.12200000000001</c:v>
                </c:pt>
                <c:pt idx="33">
                  <c:v>182.471</c:v>
                </c:pt>
                <c:pt idx="34">
                  <c:v>178.50299999999999</c:v>
                </c:pt>
                <c:pt idx="35">
                  <c:v>179.43600000000001</c:v>
                </c:pt>
                <c:pt idx="36">
                  <c:v>176.85300000000001</c:v>
                </c:pt>
                <c:pt idx="37">
                  <c:v>181.07900000000001</c:v>
                </c:pt>
                <c:pt idx="38">
                  <c:v>176.90700000000001</c:v>
                </c:pt>
                <c:pt idx="39">
                  <c:v>178.39699999999999</c:v>
                </c:pt>
                <c:pt idx="40">
                  <c:v>185.93299999999999</c:v>
                </c:pt>
                <c:pt idx="41">
                  <c:v>191.05099999999999</c:v>
                </c:pt>
                <c:pt idx="42">
                  <c:v>191.262</c:v>
                </c:pt>
                <c:pt idx="43">
                  <c:v>189.125</c:v>
                </c:pt>
                <c:pt idx="44">
                  <c:v>186.54499999999999</c:v>
                </c:pt>
                <c:pt idx="45">
                  <c:v>189.399</c:v>
                </c:pt>
                <c:pt idx="46">
                  <c:v>188.42699999999999</c:v>
                </c:pt>
                <c:pt idx="47">
                  <c:v>187.74100000000001</c:v>
                </c:pt>
                <c:pt idx="48">
                  <c:v>186.751</c:v>
                </c:pt>
                <c:pt idx="49">
                  <c:v>186.16</c:v>
                </c:pt>
                <c:pt idx="50">
                  <c:v>187.346</c:v>
                </c:pt>
                <c:pt idx="51">
                  <c:v>187.53299999999999</c:v>
                </c:pt>
                <c:pt idx="52">
                  <c:v>186.822</c:v>
                </c:pt>
                <c:pt idx="53">
                  <c:v>186.56</c:v>
                </c:pt>
                <c:pt idx="54">
                  <c:v>186.03700000000001</c:v>
                </c:pt>
                <c:pt idx="55">
                  <c:v>186.928</c:v>
                </c:pt>
                <c:pt idx="56">
                  <c:v>187.69499999999999</c:v>
                </c:pt>
                <c:pt idx="57">
                  <c:v>187.17500000000001</c:v>
                </c:pt>
                <c:pt idx="58">
                  <c:v>189.45400000000001</c:v>
                </c:pt>
                <c:pt idx="59">
                  <c:v>186.33600000000001</c:v>
                </c:pt>
                <c:pt idx="60">
                  <c:v>186.59800000000001</c:v>
                </c:pt>
                <c:pt idx="61">
                  <c:v>188.81399999999999</c:v>
                </c:pt>
                <c:pt idx="62">
                  <c:v>190.21700000000001</c:v>
                </c:pt>
                <c:pt idx="63">
                  <c:v>186.59</c:v>
                </c:pt>
                <c:pt idx="64">
                  <c:v>185.667</c:v>
                </c:pt>
                <c:pt idx="65">
                  <c:v>186.547</c:v>
                </c:pt>
                <c:pt idx="66">
                  <c:v>187.18899999999999</c:v>
                </c:pt>
                <c:pt idx="67">
                  <c:v>186.35</c:v>
                </c:pt>
                <c:pt idx="68">
                  <c:v>185.38200000000001</c:v>
                </c:pt>
                <c:pt idx="69">
                  <c:v>185.37100000000001</c:v>
                </c:pt>
                <c:pt idx="70">
                  <c:v>184.97</c:v>
                </c:pt>
                <c:pt idx="71">
                  <c:v>184.50200000000001</c:v>
                </c:pt>
                <c:pt idx="72">
                  <c:v>186.28700000000001</c:v>
                </c:pt>
                <c:pt idx="73">
                  <c:v>186.62</c:v>
                </c:pt>
                <c:pt idx="74">
                  <c:v>184.91</c:v>
                </c:pt>
                <c:pt idx="75">
                  <c:v>186.46799999999999</c:v>
                </c:pt>
                <c:pt idx="76">
                  <c:v>187.184</c:v>
                </c:pt>
                <c:pt idx="77">
                  <c:v>187.477</c:v>
                </c:pt>
                <c:pt idx="78">
                  <c:v>187.64699999999999</c:v>
                </c:pt>
                <c:pt idx="79">
                  <c:v>186.24700000000001</c:v>
                </c:pt>
                <c:pt idx="80">
                  <c:v>185.34800000000001</c:v>
                </c:pt>
                <c:pt idx="81">
                  <c:v>186.55799999999999</c:v>
                </c:pt>
                <c:pt idx="82">
                  <c:v>186.17599999999999</c:v>
                </c:pt>
                <c:pt idx="83">
                  <c:v>186.52699999999999</c:v>
                </c:pt>
                <c:pt idx="84">
                  <c:v>186.941</c:v>
                </c:pt>
                <c:pt idx="85">
                  <c:v>186.49799999999999</c:v>
                </c:pt>
                <c:pt idx="86">
                  <c:v>187.202</c:v>
                </c:pt>
                <c:pt idx="87">
                  <c:v>186.94200000000001</c:v>
                </c:pt>
                <c:pt idx="88">
                  <c:v>187.03</c:v>
                </c:pt>
                <c:pt idx="89">
                  <c:v>188.292</c:v>
                </c:pt>
                <c:pt idx="90">
                  <c:v>188.893</c:v>
                </c:pt>
                <c:pt idx="91">
                  <c:v>188.26300000000001</c:v>
                </c:pt>
                <c:pt idx="92">
                  <c:v>189.13300000000001</c:v>
                </c:pt>
                <c:pt idx="93">
                  <c:v>188.62700000000001</c:v>
                </c:pt>
                <c:pt idx="94">
                  <c:v>189.119</c:v>
                </c:pt>
                <c:pt idx="95">
                  <c:v>188.369</c:v>
                </c:pt>
                <c:pt idx="96">
                  <c:v>188.97800000000001</c:v>
                </c:pt>
                <c:pt idx="97">
                  <c:v>187.464</c:v>
                </c:pt>
                <c:pt idx="98">
                  <c:v>188.25</c:v>
                </c:pt>
                <c:pt idx="99">
                  <c:v>188.21799999999999</c:v>
                </c:pt>
                <c:pt idx="100">
                  <c:v>191.767</c:v>
                </c:pt>
                <c:pt idx="101">
                  <c:v>189.92599999999999</c:v>
                </c:pt>
                <c:pt idx="102">
                  <c:v>190.30799999999999</c:v>
                </c:pt>
                <c:pt idx="103">
                  <c:v>191.351</c:v>
                </c:pt>
                <c:pt idx="104">
                  <c:v>190.45500000000001</c:v>
                </c:pt>
                <c:pt idx="105">
                  <c:v>190.38499999999999</c:v>
                </c:pt>
                <c:pt idx="106">
                  <c:v>191.05099999999999</c:v>
                </c:pt>
                <c:pt idx="107">
                  <c:v>189.72</c:v>
                </c:pt>
                <c:pt idx="108">
                  <c:v>190.20599999999999</c:v>
                </c:pt>
                <c:pt idx="109">
                  <c:v>191.00200000000001</c:v>
                </c:pt>
                <c:pt idx="110">
                  <c:v>191.38300000000001</c:v>
                </c:pt>
                <c:pt idx="111">
                  <c:v>190.78700000000001</c:v>
                </c:pt>
                <c:pt idx="112">
                  <c:v>193.048</c:v>
                </c:pt>
                <c:pt idx="113">
                  <c:v>190.91900000000001</c:v>
                </c:pt>
                <c:pt idx="114">
                  <c:v>191.32900000000001</c:v>
                </c:pt>
                <c:pt idx="115">
                  <c:v>191.12100000000001</c:v>
                </c:pt>
                <c:pt idx="116">
                  <c:v>190.47200000000001</c:v>
                </c:pt>
                <c:pt idx="117">
                  <c:v>191.227</c:v>
                </c:pt>
                <c:pt idx="118">
                  <c:v>191.494</c:v>
                </c:pt>
                <c:pt idx="119">
                  <c:v>189.911</c:v>
                </c:pt>
                <c:pt idx="120">
                  <c:v>190.197</c:v>
                </c:pt>
                <c:pt idx="121">
                  <c:v>190.88900000000001</c:v>
                </c:pt>
                <c:pt idx="122">
                  <c:v>190.60300000000001</c:v>
                </c:pt>
                <c:pt idx="123">
                  <c:v>191.142</c:v>
                </c:pt>
                <c:pt idx="124">
                  <c:v>190.495</c:v>
                </c:pt>
                <c:pt idx="125">
                  <c:v>190.53299999999999</c:v>
                </c:pt>
                <c:pt idx="126">
                  <c:v>190.71899999999999</c:v>
                </c:pt>
                <c:pt idx="127">
                  <c:v>190.899</c:v>
                </c:pt>
                <c:pt idx="128">
                  <c:v>193.01499999999999</c:v>
                </c:pt>
                <c:pt idx="129">
                  <c:v>192.18100000000001</c:v>
                </c:pt>
                <c:pt idx="130">
                  <c:v>191.578</c:v>
                </c:pt>
                <c:pt idx="131">
                  <c:v>192.291</c:v>
                </c:pt>
                <c:pt idx="132">
                  <c:v>192.07400000000001</c:v>
                </c:pt>
                <c:pt idx="133">
                  <c:v>192.32599999999999</c:v>
                </c:pt>
                <c:pt idx="134">
                  <c:v>192.96600000000001</c:v>
                </c:pt>
                <c:pt idx="135">
                  <c:v>192.24700000000001</c:v>
                </c:pt>
                <c:pt idx="136">
                  <c:v>193.21199999999999</c:v>
                </c:pt>
                <c:pt idx="137">
                  <c:v>192.40199999999999</c:v>
                </c:pt>
                <c:pt idx="138">
                  <c:v>192.392</c:v>
                </c:pt>
                <c:pt idx="139">
                  <c:v>192.56200000000001</c:v>
                </c:pt>
                <c:pt idx="140">
                  <c:v>193.30600000000001</c:v>
                </c:pt>
                <c:pt idx="141">
                  <c:v>192.483</c:v>
                </c:pt>
                <c:pt idx="142">
                  <c:v>192.37799999999999</c:v>
                </c:pt>
                <c:pt idx="143">
                  <c:v>193.285</c:v>
                </c:pt>
                <c:pt idx="144">
                  <c:v>193.38399999999999</c:v>
                </c:pt>
                <c:pt idx="145">
                  <c:v>193.322</c:v>
                </c:pt>
                <c:pt idx="146">
                  <c:v>195.71199999999999</c:v>
                </c:pt>
                <c:pt idx="147">
                  <c:v>192.89099999999999</c:v>
                </c:pt>
                <c:pt idx="148">
                  <c:v>195.078</c:v>
                </c:pt>
                <c:pt idx="149">
                  <c:v>194.57599999999999</c:v>
                </c:pt>
                <c:pt idx="150">
                  <c:v>194.815</c:v>
                </c:pt>
                <c:pt idx="151">
                  <c:v>194.63499999999999</c:v>
                </c:pt>
                <c:pt idx="152">
                  <c:v>194.45500000000001</c:v>
                </c:pt>
                <c:pt idx="153">
                  <c:v>195.37</c:v>
                </c:pt>
                <c:pt idx="154">
                  <c:v>195.26900000000001</c:v>
                </c:pt>
                <c:pt idx="155">
                  <c:v>196.03800000000001</c:v>
                </c:pt>
                <c:pt idx="156">
                  <c:v>195.64599999999999</c:v>
                </c:pt>
                <c:pt idx="157">
                  <c:v>195.95500000000001</c:v>
                </c:pt>
                <c:pt idx="158">
                  <c:v>195.77500000000001</c:v>
                </c:pt>
                <c:pt idx="159">
                  <c:v>196.71700000000001</c:v>
                </c:pt>
                <c:pt idx="160">
                  <c:v>196.29599999999999</c:v>
                </c:pt>
                <c:pt idx="161">
                  <c:v>196.11699999999999</c:v>
                </c:pt>
                <c:pt idx="162">
                  <c:v>197.11600000000001</c:v>
                </c:pt>
                <c:pt idx="163">
                  <c:v>196.04599999999999</c:v>
                </c:pt>
                <c:pt idx="164">
                  <c:v>197.04900000000001</c:v>
                </c:pt>
                <c:pt idx="165">
                  <c:v>196.43100000000001</c:v>
                </c:pt>
                <c:pt idx="166">
                  <c:v>197.68899999999999</c:v>
                </c:pt>
                <c:pt idx="167">
                  <c:v>197.56200000000001</c:v>
                </c:pt>
                <c:pt idx="168">
                  <c:v>198.29400000000001</c:v>
                </c:pt>
                <c:pt idx="169">
                  <c:v>197.452</c:v>
                </c:pt>
                <c:pt idx="170">
                  <c:v>197.79599999999999</c:v>
                </c:pt>
                <c:pt idx="171">
                  <c:v>198.547</c:v>
                </c:pt>
                <c:pt idx="172">
                  <c:v>198.57400000000001</c:v>
                </c:pt>
                <c:pt idx="173">
                  <c:v>199.072</c:v>
                </c:pt>
                <c:pt idx="174">
                  <c:v>198.749</c:v>
                </c:pt>
                <c:pt idx="175">
                  <c:v>199.65199999999999</c:v>
                </c:pt>
                <c:pt idx="176">
                  <c:v>199.571</c:v>
                </c:pt>
                <c:pt idx="177">
                  <c:v>200.09100000000001</c:v>
                </c:pt>
                <c:pt idx="178">
                  <c:v>200.21799999999999</c:v>
                </c:pt>
                <c:pt idx="179">
                  <c:v>200.37200000000001</c:v>
                </c:pt>
                <c:pt idx="180">
                  <c:v>200.61500000000001</c:v>
                </c:pt>
                <c:pt idx="181">
                  <c:v>201.96299999999999</c:v>
                </c:pt>
                <c:pt idx="182">
                  <c:v>200.465</c:v>
                </c:pt>
                <c:pt idx="183">
                  <c:v>201.30600000000001</c:v>
                </c:pt>
                <c:pt idx="184">
                  <c:v>200.393</c:v>
                </c:pt>
                <c:pt idx="185">
                  <c:v>201.71299999999999</c:v>
                </c:pt>
                <c:pt idx="186">
                  <c:v>201.73500000000001</c:v>
                </c:pt>
                <c:pt idx="187">
                  <c:v>201.58</c:v>
                </c:pt>
                <c:pt idx="188">
                  <c:v>201.07599999999999</c:v>
                </c:pt>
                <c:pt idx="189">
                  <c:v>203.56800000000001</c:v>
                </c:pt>
                <c:pt idx="190">
                  <c:v>202.98500000000001</c:v>
                </c:pt>
                <c:pt idx="191">
                  <c:v>201.971</c:v>
                </c:pt>
                <c:pt idx="192">
                  <c:v>202.613</c:v>
                </c:pt>
                <c:pt idx="193">
                  <c:v>203.13</c:v>
                </c:pt>
                <c:pt idx="194">
                  <c:v>204.56</c:v>
                </c:pt>
                <c:pt idx="195">
                  <c:v>204.15899999999999</c:v>
                </c:pt>
                <c:pt idx="196">
                  <c:v>204.60300000000001</c:v>
                </c:pt>
                <c:pt idx="197">
                  <c:v>203.44</c:v>
                </c:pt>
                <c:pt idx="198">
                  <c:v>203.60900000000001</c:v>
                </c:pt>
                <c:pt idx="199">
                  <c:v>204.13</c:v>
                </c:pt>
                <c:pt idx="200">
                  <c:v>204.273</c:v>
                </c:pt>
                <c:pt idx="201">
                  <c:v>204.73699999999999</c:v>
                </c:pt>
                <c:pt idx="202">
                  <c:v>204.18700000000001</c:v>
                </c:pt>
                <c:pt idx="203">
                  <c:v>205.51900000000001</c:v>
                </c:pt>
                <c:pt idx="204">
                  <c:v>206.279</c:v>
                </c:pt>
                <c:pt idx="205">
                  <c:v>206.28299999999999</c:v>
                </c:pt>
                <c:pt idx="206">
                  <c:v>206.13399999999999</c:v>
                </c:pt>
                <c:pt idx="207">
                  <c:v>206.733</c:v>
                </c:pt>
                <c:pt idx="208">
                  <c:v>206.72</c:v>
                </c:pt>
                <c:pt idx="209">
                  <c:v>206.95</c:v>
                </c:pt>
                <c:pt idx="210">
                  <c:v>207.75399999999999</c:v>
                </c:pt>
                <c:pt idx="211">
                  <c:v>208.20599999999999</c:v>
                </c:pt>
                <c:pt idx="212">
                  <c:v>206.84100000000001</c:v>
                </c:pt>
                <c:pt idx="213">
                  <c:v>208.28899999999999</c:v>
                </c:pt>
                <c:pt idx="214">
                  <c:v>208.374</c:v>
                </c:pt>
                <c:pt idx="215">
                  <c:v>208.66800000000001</c:v>
                </c:pt>
                <c:pt idx="216">
                  <c:v>208.33699999999999</c:v>
                </c:pt>
                <c:pt idx="217">
                  <c:v>207.87700000000001</c:v>
                </c:pt>
                <c:pt idx="218">
                  <c:v>210.09299999999999</c:v>
                </c:pt>
                <c:pt idx="219">
                  <c:v>210.84</c:v>
                </c:pt>
                <c:pt idx="220">
                  <c:v>209.76599999999999</c:v>
                </c:pt>
                <c:pt idx="221">
                  <c:v>211.90199999999999</c:v>
                </c:pt>
                <c:pt idx="222">
                  <c:v>209.738</c:v>
                </c:pt>
                <c:pt idx="223">
                  <c:v>211.85599999999999</c:v>
                </c:pt>
                <c:pt idx="224">
                  <c:v>212.398</c:v>
                </c:pt>
                <c:pt idx="225">
                  <c:v>211.184</c:v>
                </c:pt>
                <c:pt idx="226">
                  <c:v>212.10400000000001</c:v>
                </c:pt>
                <c:pt idx="227">
                  <c:v>211.376</c:v>
                </c:pt>
                <c:pt idx="228">
                  <c:v>214.25899999999999</c:v>
                </c:pt>
                <c:pt idx="229">
                  <c:v>212.364</c:v>
                </c:pt>
                <c:pt idx="230">
                  <c:v>213.547</c:v>
                </c:pt>
                <c:pt idx="231">
                  <c:v>214.23599999999999</c:v>
                </c:pt>
                <c:pt idx="232">
                  <c:v>213.988</c:v>
                </c:pt>
                <c:pt idx="233">
                  <c:v>214.52099999999999</c:v>
                </c:pt>
                <c:pt idx="234">
                  <c:v>214.126</c:v>
                </c:pt>
                <c:pt idx="235">
                  <c:v>214.35900000000001</c:v>
                </c:pt>
                <c:pt idx="236">
                  <c:v>214.83799999999999</c:v>
                </c:pt>
                <c:pt idx="237">
                  <c:v>215.88</c:v>
                </c:pt>
                <c:pt idx="238">
                  <c:v>215.42699999999999</c:v>
                </c:pt>
                <c:pt idx="239">
                  <c:v>214.387</c:v>
                </c:pt>
                <c:pt idx="240">
                  <c:v>213.94399999999999</c:v>
                </c:pt>
                <c:pt idx="241">
                  <c:v>214.863</c:v>
                </c:pt>
                <c:pt idx="242">
                  <c:v>215.45</c:v>
                </c:pt>
                <c:pt idx="243">
                  <c:v>214.886</c:v>
                </c:pt>
                <c:pt idx="244">
                  <c:v>214.52799999999999</c:v>
                </c:pt>
                <c:pt idx="245">
                  <c:v>214.93100000000001</c:v>
                </c:pt>
                <c:pt idx="246">
                  <c:v>216.048</c:v>
                </c:pt>
                <c:pt idx="247">
                  <c:v>215.864</c:v>
                </c:pt>
                <c:pt idx="248">
                  <c:v>214.86799999999999</c:v>
                </c:pt>
                <c:pt idx="249">
                  <c:v>215.37200000000001</c:v>
                </c:pt>
                <c:pt idx="250">
                  <c:v>214.69399999999999</c:v>
                </c:pt>
                <c:pt idx="251">
                  <c:v>214.8</c:v>
                </c:pt>
                <c:pt idx="252">
                  <c:v>214.94499999999999</c:v>
                </c:pt>
                <c:pt idx="253">
                  <c:v>214.875</c:v>
                </c:pt>
                <c:pt idx="254">
                  <c:v>214.54499999999999</c:v>
                </c:pt>
                <c:pt idx="255">
                  <c:v>216.85599999999999</c:v>
                </c:pt>
                <c:pt idx="256">
                  <c:v>215.74199999999999</c:v>
                </c:pt>
                <c:pt idx="257">
                  <c:v>215.76900000000001</c:v>
                </c:pt>
                <c:pt idx="258">
                  <c:v>217.001</c:v>
                </c:pt>
                <c:pt idx="259">
                  <c:v>218.316</c:v>
                </c:pt>
                <c:pt idx="260">
                  <c:v>216.65600000000001</c:v>
                </c:pt>
                <c:pt idx="261">
                  <c:v>217.26400000000001</c:v>
                </c:pt>
                <c:pt idx="262">
                  <c:v>216.33</c:v>
                </c:pt>
                <c:pt idx="263">
                  <c:v>216.92400000000001</c:v>
                </c:pt>
                <c:pt idx="264">
                  <c:v>218.649</c:v>
                </c:pt>
                <c:pt idx="265">
                  <c:v>218.321</c:v>
                </c:pt>
                <c:pt idx="266">
                  <c:v>219.40299999999999</c:v>
                </c:pt>
                <c:pt idx="267">
                  <c:v>219.06700000000001</c:v>
                </c:pt>
                <c:pt idx="268">
                  <c:v>218.119</c:v>
                </c:pt>
                <c:pt idx="269">
                  <c:v>216.29300000000001</c:v>
                </c:pt>
                <c:pt idx="270">
                  <c:v>218.58</c:v>
                </c:pt>
                <c:pt idx="271">
                  <c:v>217.25899999999999</c:v>
                </c:pt>
                <c:pt idx="272">
                  <c:v>217.58099999999999</c:v>
                </c:pt>
                <c:pt idx="273">
                  <c:v>217.04300000000001</c:v>
                </c:pt>
                <c:pt idx="274">
                  <c:v>217.94900000000001</c:v>
                </c:pt>
                <c:pt idx="275">
                  <c:v>217.42500000000001</c:v>
                </c:pt>
                <c:pt idx="276">
                  <c:v>217.39099999999999</c:v>
                </c:pt>
                <c:pt idx="277">
                  <c:v>216.75800000000001</c:v>
                </c:pt>
                <c:pt idx="278">
                  <c:v>215.41499999999999</c:v>
                </c:pt>
                <c:pt idx="279">
                  <c:v>215.49600000000001</c:v>
                </c:pt>
                <c:pt idx="280">
                  <c:v>216.12899999999999</c:v>
                </c:pt>
                <c:pt idx="281">
                  <c:v>216.47499999999999</c:v>
                </c:pt>
                <c:pt idx="282">
                  <c:v>215.79499999999999</c:v>
                </c:pt>
                <c:pt idx="283">
                  <c:v>217.49199999999999</c:v>
                </c:pt>
                <c:pt idx="284">
                  <c:v>215.41499999999999</c:v>
                </c:pt>
                <c:pt idx="285">
                  <c:v>215.28700000000001</c:v>
                </c:pt>
                <c:pt idx="286">
                  <c:v>216.435</c:v>
                </c:pt>
                <c:pt idx="287">
                  <c:v>215.03200000000001</c:v>
                </c:pt>
                <c:pt idx="288">
                  <c:v>215.00299999999999</c:v>
                </c:pt>
                <c:pt idx="289">
                  <c:v>214.73699999999999</c:v>
                </c:pt>
                <c:pt idx="290">
                  <c:v>214.74100000000001</c:v>
                </c:pt>
                <c:pt idx="291">
                  <c:v>214.584</c:v>
                </c:pt>
                <c:pt idx="292">
                  <c:v>215.35499999999999</c:v>
                </c:pt>
                <c:pt idx="293">
                  <c:v>215.50700000000001</c:v>
                </c:pt>
                <c:pt idx="294">
                  <c:v>215.44499999999999</c:v>
                </c:pt>
                <c:pt idx="295">
                  <c:v>216.256</c:v>
                </c:pt>
                <c:pt idx="296">
                  <c:v>214.80600000000001</c:v>
                </c:pt>
                <c:pt idx="297">
                  <c:v>215.36699999999999</c:v>
                </c:pt>
                <c:pt idx="298">
                  <c:v>215.15700000000001</c:v>
                </c:pt>
                <c:pt idx="299">
                  <c:v>214.762</c:v>
                </c:pt>
                <c:pt idx="300">
                  <c:v>215.35499999999999</c:v>
                </c:pt>
                <c:pt idx="301">
                  <c:v>216.161</c:v>
                </c:pt>
                <c:pt idx="302">
                  <c:v>214.947</c:v>
                </c:pt>
                <c:pt idx="303">
                  <c:v>214.54400000000001</c:v>
                </c:pt>
                <c:pt idx="304">
                  <c:v>216.24199999999999</c:v>
                </c:pt>
                <c:pt idx="305">
                  <c:v>214.90100000000001</c:v>
                </c:pt>
                <c:pt idx="306">
                  <c:v>215.10300000000001</c:v>
                </c:pt>
                <c:pt idx="307">
                  <c:v>214.983</c:v>
                </c:pt>
                <c:pt idx="308">
                  <c:v>214.672</c:v>
                </c:pt>
                <c:pt idx="309">
                  <c:v>215.328</c:v>
                </c:pt>
                <c:pt idx="310">
                  <c:v>214.113</c:v>
                </c:pt>
                <c:pt idx="311">
                  <c:v>215.36199999999999</c:v>
                </c:pt>
                <c:pt idx="312">
                  <c:v>215.262</c:v>
                </c:pt>
                <c:pt idx="313">
                  <c:v>215.81200000000001</c:v>
                </c:pt>
                <c:pt idx="314">
                  <c:v>215.91900000000001</c:v>
                </c:pt>
                <c:pt idx="315">
                  <c:v>220.22399999999999</c:v>
                </c:pt>
                <c:pt idx="316">
                  <c:v>223.30600000000001</c:v>
                </c:pt>
                <c:pt idx="317">
                  <c:v>218.648</c:v>
                </c:pt>
                <c:pt idx="318">
                  <c:v>216.98</c:v>
                </c:pt>
                <c:pt idx="319">
                  <c:v>215.96700000000001</c:v>
                </c:pt>
                <c:pt idx="320">
                  <c:v>216.24600000000001</c:v>
                </c:pt>
                <c:pt idx="321">
                  <c:v>216.49199999999999</c:v>
                </c:pt>
                <c:pt idx="322">
                  <c:v>215.9</c:v>
                </c:pt>
                <c:pt idx="323">
                  <c:v>216.26400000000001</c:v>
                </c:pt>
                <c:pt idx="324">
                  <c:v>216.44399999999999</c:v>
                </c:pt>
                <c:pt idx="325">
                  <c:v>215.833</c:v>
                </c:pt>
                <c:pt idx="326">
                  <c:v>216.96600000000001</c:v>
                </c:pt>
                <c:pt idx="327">
                  <c:v>217.904</c:v>
                </c:pt>
                <c:pt idx="328">
                  <c:v>218.78800000000001</c:v>
                </c:pt>
                <c:pt idx="329">
                  <c:v>216.548</c:v>
                </c:pt>
                <c:pt idx="330">
                  <c:v>216.059</c:v>
                </c:pt>
                <c:pt idx="331">
                  <c:v>215.67099999999999</c:v>
                </c:pt>
                <c:pt idx="332">
                  <c:v>215.505</c:v>
                </c:pt>
                <c:pt idx="333">
                  <c:v>215.65299999999999</c:v>
                </c:pt>
                <c:pt idx="334">
                  <c:v>214.86799999999999</c:v>
                </c:pt>
                <c:pt idx="335">
                  <c:v>215.9</c:v>
                </c:pt>
                <c:pt idx="336">
                  <c:v>214.81299999999999</c:v>
                </c:pt>
                <c:pt idx="337">
                  <c:v>215.09299999999999</c:v>
                </c:pt>
                <c:pt idx="338">
                  <c:v>214.47</c:v>
                </c:pt>
                <c:pt idx="339">
                  <c:v>214.86099999999999</c:v>
                </c:pt>
                <c:pt idx="340">
                  <c:v>215.86199999999999</c:v>
                </c:pt>
                <c:pt idx="341">
                  <c:v>216.09800000000001</c:v>
                </c:pt>
                <c:pt idx="342">
                  <c:v>215.869</c:v>
                </c:pt>
                <c:pt idx="343">
                  <c:v>215.358</c:v>
                </c:pt>
                <c:pt idx="344">
                  <c:v>215.42500000000001</c:v>
                </c:pt>
                <c:pt idx="345">
                  <c:v>215.31100000000001</c:v>
                </c:pt>
                <c:pt idx="346">
                  <c:v>215.393</c:v>
                </c:pt>
                <c:pt idx="347">
                  <c:v>215.43700000000001</c:v>
                </c:pt>
                <c:pt idx="348">
                  <c:v>214.29300000000001</c:v>
                </c:pt>
                <c:pt idx="349">
                  <c:v>216.38499999999999</c:v>
                </c:pt>
                <c:pt idx="350">
                  <c:v>216.17400000000001</c:v>
                </c:pt>
                <c:pt idx="351">
                  <c:v>214.93</c:v>
                </c:pt>
                <c:pt idx="352">
                  <c:v>215.83799999999999</c:v>
                </c:pt>
                <c:pt idx="353">
                  <c:v>216.06100000000001</c:v>
                </c:pt>
                <c:pt idx="354">
                  <c:v>214.94200000000001</c:v>
                </c:pt>
                <c:pt idx="355">
                  <c:v>214.93600000000001</c:v>
                </c:pt>
                <c:pt idx="356">
                  <c:v>215.32400000000001</c:v>
                </c:pt>
                <c:pt idx="357">
                  <c:v>215.33</c:v>
                </c:pt>
                <c:pt idx="358">
                  <c:v>215.52699999999999</c:v>
                </c:pt>
                <c:pt idx="359">
                  <c:v>216.63499999999999</c:v>
                </c:pt>
                <c:pt idx="360">
                  <c:v>215.88800000000001</c:v>
                </c:pt>
                <c:pt idx="361">
                  <c:v>216.13300000000001</c:v>
                </c:pt>
                <c:pt idx="362">
                  <c:v>215.95599999999999</c:v>
                </c:pt>
                <c:pt idx="363">
                  <c:v>215.38200000000001</c:v>
                </c:pt>
                <c:pt idx="364">
                  <c:v>214.77</c:v>
                </c:pt>
                <c:pt idx="365">
                  <c:v>215.68700000000001</c:v>
                </c:pt>
                <c:pt idx="366">
                  <c:v>215.376</c:v>
                </c:pt>
                <c:pt idx="367">
                  <c:v>215.505</c:v>
                </c:pt>
                <c:pt idx="368">
                  <c:v>221.821</c:v>
                </c:pt>
                <c:pt idx="369">
                  <c:v>217.27199999999999</c:v>
                </c:pt>
                <c:pt idx="370">
                  <c:v>215.16900000000001</c:v>
                </c:pt>
                <c:pt idx="371">
                  <c:v>215.31800000000001</c:v>
                </c:pt>
                <c:pt idx="372">
                  <c:v>215.404</c:v>
                </c:pt>
                <c:pt idx="373">
                  <c:v>214.613</c:v>
                </c:pt>
                <c:pt idx="374">
                  <c:v>215.32400000000001</c:v>
                </c:pt>
                <c:pt idx="375">
                  <c:v>214.547</c:v>
                </c:pt>
                <c:pt idx="376">
                  <c:v>215.63300000000001</c:v>
                </c:pt>
                <c:pt idx="377">
                  <c:v>216.125</c:v>
                </c:pt>
                <c:pt idx="378">
                  <c:v>215.57599999999999</c:v>
                </c:pt>
                <c:pt idx="379">
                  <c:v>214.88200000000001</c:v>
                </c:pt>
                <c:pt idx="380">
                  <c:v>214.51599999999999</c:v>
                </c:pt>
                <c:pt idx="381">
                  <c:v>214.54599999999999</c:v>
                </c:pt>
                <c:pt idx="382">
                  <c:v>215.55799999999999</c:v>
                </c:pt>
                <c:pt idx="383">
                  <c:v>214.06299999999999</c:v>
                </c:pt>
                <c:pt idx="384">
                  <c:v>215.33500000000001</c:v>
                </c:pt>
                <c:pt idx="385">
                  <c:v>214.727</c:v>
                </c:pt>
                <c:pt idx="386">
                  <c:v>215.69</c:v>
                </c:pt>
                <c:pt idx="387">
                  <c:v>215.42699999999999</c:v>
                </c:pt>
                <c:pt idx="388">
                  <c:v>214.93199999999999</c:v>
                </c:pt>
                <c:pt idx="389">
                  <c:v>215.12700000000001</c:v>
                </c:pt>
                <c:pt idx="390">
                  <c:v>214.161</c:v>
                </c:pt>
                <c:pt idx="391">
                  <c:v>215.18299999999999</c:v>
                </c:pt>
                <c:pt idx="392">
                  <c:v>214.285</c:v>
                </c:pt>
                <c:pt idx="393">
                  <c:v>214.86</c:v>
                </c:pt>
                <c:pt idx="394">
                  <c:v>215.76900000000001</c:v>
                </c:pt>
                <c:pt idx="395">
                  <c:v>215.166</c:v>
                </c:pt>
                <c:pt idx="396">
                  <c:v>215.19399999999999</c:v>
                </c:pt>
                <c:pt idx="397">
                  <c:v>214.565</c:v>
                </c:pt>
                <c:pt idx="398">
                  <c:v>215.04599999999999</c:v>
                </c:pt>
                <c:pt idx="399">
                  <c:v>215.03100000000001</c:v>
                </c:pt>
                <c:pt idx="400">
                  <c:v>215.27199999999999</c:v>
                </c:pt>
                <c:pt idx="401">
                  <c:v>214.91499999999999</c:v>
                </c:pt>
                <c:pt idx="402">
                  <c:v>218.27600000000001</c:v>
                </c:pt>
                <c:pt idx="403">
                  <c:v>214.26400000000001</c:v>
                </c:pt>
                <c:pt idx="404">
                  <c:v>215.89599999999999</c:v>
                </c:pt>
                <c:pt idx="405">
                  <c:v>216.58</c:v>
                </c:pt>
                <c:pt idx="406">
                  <c:v>216.61199999999999</c:v>
                </c:pt>
                <c:pt idx="407">
                  <c:v>216.053</c:v>
                </c:pt>
                <c:pt idx="408">
                  <c:v>215.791</c:v>
                </c:pt>
                <c:pt idx="409">
                  <c:v>216.01599999999999</c:v>
                </c:pt>
                <c:pt idx="410">
                  <c:v>216.482</c:v>
                </c:pt>
                <c:pt idx="411">
                  <c:v>214.65799999999999</c:v>
                </c:pt>
                <c:pt idx="412">
                  <c:v>214.416</c:v>
                </c:pt>
                <c:pt idx="413">
                  <c:v>215.346</c:v>
                </c:pt>
                <c:pt idx="414">
                  <c:v>215.227</c:v>
                </c:pt>
                <c:pt idx="415">
                  <c:v>216.32</c:v>
                </c:pt>
                <c:pt idx="416">
                  <c:v>214.59299999999999</c:v>
                </c:pt>
                <c:pt idx="417">
                  <c:v>215.732</c:v>
                </c:pt>
                <c:pt idx="418">
                  <c:v>216.52</c:v>
                </c:pt>
                <c:pt idx="419">
                  <c:v>215.46899999999999</c:v>
                </c:pt>
                <c:pt idx="420">
                  <c:v>215.02099999999999</c:v>
                </c:pt>
                <c:pt idx="421">
                  <c:v>215.25800000000001</c:v>
                </c:pt>
                <c:pt idx="422">
                  <c:v>215.333</c:v>
                </c:pt>
                <c:pt idx="423">
                  <c:v>214.803</c:v>
                </c:pt>
                <c:pt idx="424">
                  <c:v>214.98</c:v>
                </c:pt>
                <c:pt idx="425">
                  <c:v>214.85</c:v>
                </c:pt>
                <c:pt idx="426">
                  <c:v>214.6</c:v>
                </c:pt>
                <c:pt idx="427">
                  <c:v>214.33600000000001</c:v>
                </c:pt>
                <c:pt idx="428">
                  <c:v>214.845</c:v>
                </c:pt>
                <c:pt idx="429">
                  <c:v>215.197</c:v>
                </c:pt>
                <c:pt idx="430">
                  <c:v>214.357</c:v>
                </c:pt>
                <c:pt idx="431">
                  <c:v>215.58</c:v>
                </c:pt>
                <c:pt idx="432">
                  <c:v>215.59700000000001</c:v>
                </c:pt>
                <c:pt idx="433">
                  <c:v>214.85400000000001</c:v>
                </c:pt>
                <c:pt idx="434">
                  <c:v>214.75399999999999</c:v>
                </c:pt>
                <c:pt idx="435">
                  <c:v>216.965</c:v>
                </c:pt>
                <c:pt idx="436">
                  <c:v>215.303</c:v>
                </c:pt>
                <c:pt idx="437">
                  <c:v>216.596</c:v>
                </c:pt>
                <c:pt idx="438">
                  <c:v>214.964</c:v>
                </c:pt>
                <c:pt idx="439">
                  <c:v>215.79599999999999</c:v>
                </c:pt>
                <c:pt idx="440">
                  <c:v>215.14</c:v>
                </c:pt>
                <c:pt idx="441">
                  <c:v>215.40100000000001</c:v>
                </c:pt>
                <c:pt idx="442">
                  <c:v>214.90600000000001</c:v>
                </c:pt>
                <c:pt idx="443">
                  <c:v>214.52</c:v>
                </c:pt>
                <c:pt idx="444">
                  <c:v>214.876</c:v>
                </c:pt>
                <c:pt idx="445">
                  <c:v>215.387</c:v>
                </c:pt>
                <c:pt idx="446">
                  <c:v>214.535</c:v>
                </c:pt>
                <c:pt idx="447">
                  <c:v>215.13200000000001</c:v>
                </c:pt>
                <c:pt idx="448">
                  <c:v>215.67</c:v>
                </c:pt>
                <c:pt idx="449">
                  <c:v>215.124</c:v>
                </c:pt>
                <c:pt idx="450">
                  <c:v>215.96700000000001</c:v>
                </c:pt>
                <c:pt idx="451">
                  <c:v>215.09100000000001</c:v>
                </c:pt>
                <c:pt idx="452">
                  <c:v>214.315</c:v>
                </c:pt>
                <c:pt idx="453">
                  <c:v>214.64599999999999</c:v>
                </c:pt>
                <c:pt idx="454">
                  <c:v>214.50299999999999</c:v>
                </c:pt>
                <c:pt idx="455">
                  <c:v>214.334</c:v>
                </c:pt>
                <c:pt idx="456">
                  <c:v>214.32900000000001</c:v>
                </c:pt>
                <c:pt idx="457">
                  <c:v>214.934</c:v>
                </c:pt>
                <c:pt idx="458">
                  <c:v>215.13</c:v>
                </c:pt>
                <c:pt idx="459">
                  <c:v>214.745</c:v>
                </c:pt>
                <c:pt idx="460">
                  <c:v>215.56</c:v>
                </c:pt>
                <c:pt idx="461">
                  <c:v>215.68299999999999</c:v>
                </c:pt>
                <c:pt idx="462">
                  <c:v>213.953</c:v>
                </c:pt>
                <c:pt idx="463">
                  <c:v>215.65100000000001</c:v>
                </c:pt>
                <c:pt idx="464">
                  <c:v>214.047</c:v>
                </c:pt>
                <c:pt idx="465">
                  <c:v>215.35</c:v>
                </c:pt>
                <c:pt idx="466">
                  <c:v>215.614</c:v>
                </c:pt>
                <c:pt idx="467">
                  <c:v>215.69300000000001</c:v>
                </c:pt>
                <c:pt idx="468">
                  <c:v>214.69399999999999</c:v>
                </c:pt>
                <c:pt idx="469">
                  <c:v>214.65199999999999</c:v>
                </c:pt>
                <c:pt idx="470">
                  <c:v>214.43299999999999</c:v>
                </c:pt>
                <c:pt idx="471">
                  <c:v>215.34700000000001</c:v>
                </c:pt>
                <c:pt idx="472">
                  <c:v>215.16300000000001</c:v>
                </c:pt>
                <c:pt idx="473">
                  <c:v>214.17500000000001</c:v>
                </c:pt>
                <c:pt idx="474">
                  <c:v>215.86199999999999</c:v>
                </c:pt>
                <c:pt idx="475">
                  <c:v>215.55099999999999</c:v>
                </c:pt>
                <c:pt idx="476">
                  <c:v>214.97300000000001</c:v>
                </c:pt>
                <c:pt idx="477">
                  <c:v>214.49299999999999</c:v>
                </c:pt>
                <c:pt idx="478">
                  <c:v>214.858</c:v>
                </c:pt>
                <c:pt idx="479">
                  <c:v>213.28299999999999</c:v>
                </c:pt>
                <c:pt idx="480">
                  <c:v>213.55699999999999</c:v>
                </c:pt>
                <c:pt idx="481">
                  <c:v>212.97200000000001</c:v>
                </c:pt>
                <c:pt idx="482">
                  <c:v>213.77199999999999</c:v>
                </c:pt>
                <c:pt idx="483">
                  <c:v>212.87799999999999</c:v>
                </c:pt>
                <c:pt idx="484">
                  <c:v>213.227</c:v>
                </c:pt>
                <c:pt idx="485">
                  <c:v>213.72200000000001</c:v>
                </c:pt>
                <c:pt idx="486">
                  <c:v>212.58</c:v>
                </c:pt>
                <c:pt idx="487">
                  <c:v>213.71299999999999</c:v>
                </c:pt>
                <c:pt idx="488">
                  <c:v>213.09700000000001</c:v>
                </c:pt>
                <c:pt idx="489">
                  <c:v>213.43799999999999</c:v>
                </c:pt>
                <c:pt idx="490">
                  <c:v>213.51900000000001</c:v>
                </c:pt>
                <c:pt idx="491">
                  <c:v>213.33600000000001</c:v>
                </c:pt>
                <c:pt idx="492">
                  <c:v>214.34700000000001</c:v>
                </c:pt>
                <c:pt idx="493">
                  <c:v>213.62200000000001</c:v>
                </c:pt>
                <c:pt idx="494">
                  <c:v>213.17500000000001</c:v>
                </c:pt>
                <c:pt idx="495">
                  <c:v>213.08799999999999</c:v>
                </c:pt>
                <c:pt idx="496">
                  <c:v>212.422</c:v>
                </c:pt>
                <c:pt idx="497">
                  <c:v>213.999</c:v>
                </c:pt>
                <c:pt idx="498">
                  <c:v>212.785</c:v>
                </c:pt>
                <c:pt idx="499">
                  <c:v>214.012</c:v>
                </c:pt>
              </c:numCache>
            </c:numRef>
          </c:val>
          <c:smooth val="0"/>
          <c:extLst>
            <c:ext xmlns:c16="http://schemas.microsoft.com/office/drawing/2014/chart" uri="{C3380CC4-5D6E-409C-BE32-E72D297353CC}">
              <c16:uniqueId val="{00000000-2186-4B73-8E66-8707046B630D}"/>
            </c:ext>
          </c:extLst>
        </c:ser>
        <c:dLbls>
          <c:showLegendKey val="0"/>
          <c:showVal val="0"/>
          <c:showCatName val="0"/>
          <c:showSerName val="0"/>
          <c:showPercent val="0"/>
          <c:showBubbleSize val="0"/>
        </c:dLbls>
        <c:smooth val="0"/>
        <c:axId val="916860544"/>
        <c:axId val="916861024"/>
      </c:lineChart>
      <c:catAx>
        <c:axId val="916860544"/>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16861024"/>
        <c:crosses val="autoZero"/>
        <c:auto val="1"/>
        <c:lblAlgn val="ctr"/>
        <c:lblOffset val="100"/>
        <c:noMultiLvlLbl val="0"/>
      </c:catAx>
      <c:valAx>
        <c:axId val="91686102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Frame</a:t>
                </a:r>
                <a:r>
                  <a:rPr lang="en-GB" baseline="0"/>
                  <a:t> time</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1686054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hread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1_results_14down!$B$1</c:f>
              <c:strCache>
                <c:ptCount val="1"/>
                <c:pt idx="0">
                  <c:v>AverageFrameTime</c:v>
                </c:pt>
              </c:strCache>
            </c:strRef>
          </c:tx>
          <c:spPr>
            <a:ln w="28575" cap="rnd">
              <a:solidFill>
                <a:schemeClr val="accent1"/>
              </a:solidFill>
              <a:round/>
            </a:ln>
            <a:effectLst/>
          </c:spPr>
          <c:marker>
            <c:symbol val="none"/>
          </c:marker>
          <c:cat>
            <c:numRef>
              <c:f>test_1_results_14down!$A$2:$A$488</c:f>
              <c:numCache>
                <c:formatCode>General</c:formatCode>
                <c:ptCount val="487"/>
                <c:pt idx="0">
                  <c:v>14</c:v>
                </c:pt>
                <c:pt idx="1">
                  <c:v>15</c:v>
                </c:pt>
                <c:pt idx="2">
                  <c:v>16</c:v>
                </c:pt>
                <c:pt idx="3">
                  <c:v>17</c:v>
                </c:pt>
                <c:pt idx="4">
                  <c:v>18</c:v>
                </c:pt>
                <c:pt idx="5">
                  <c:v>19</c:v>
                </c:pt>
                <c:pt idx="6">
                  <c:v>20</c:v>
                </c:pt>
                <c:pt idx="7">
                  <c:v>21</c:v>
                </c:pt>
                <c:pt idx="8">
                  <c:v>22</c:v>
                </c:pt>
                <c:pt idx="9">
                  <c:v>23</c:v>
                </c:pt>
                <c:pt idx="10">
                  <c:v>24</c:v>
                </c:pt>
                <c:pt idx="11">
                  <c:v>25</c:v>
                </c:pt>
                <c:pt idx="12">
                  <c:v>26</c:v>
                </c:pt>
                <c:pt idx="13">
                  <c:v>27</c:v>
                </c:pt>
                <c:pt idx="14">
                  <c:v>28</c:v>
                </c:pt>
                <c:pt idx="15">
                  <c:v>29</c:v>
                </c:pt>
                <c:pt idx="16">
                  <c:v>30</c:v>
                </c:pt>
                <c:pt idx="17">
                  <c:v>31</c:v>
                </c:pt>
                <c:pt idx="18">
                  <c:v>32</c:v>
                </c:pt>
                <c:pt idx="19">
                  <c:v>33</c:v>
                </c:pt>
                <c:pt idx="20">
                  <c:v>34</c:v>
                </c:pt>
                <c:pt idx="21">
                  <c:v>35</c:v>
                </c:pt>
                <c:pt idx="22">
                  <c:v>36</c:v>
                </c:pt>
                <c:pt idx="23">
                  <c:v>37</c:v>
                </c:pt>
                <c:pt idx="24">
                  <c:v>38</c:v>
                </c:pt>
                <c:pt idx="25">
                  <c:v>39</c:v>
                </c:pt>
                <c:pt idx="26">
                  <c:v>40</c:v>
                </c:pt>
                <c:pt idx="27">
                  <c:v>41</c:v>
                </c:pt>
                <c:pt idx="28">
                  <c:v>42</c:v>
                </c:pt>
                <c:pt idx="29">
                  <c:v>43</c:v>
                </c:pt>
                <c:pt idx="30">
                  <c:v>44</c:v>
                </c:pt>
                <c:pt idx="31">
                  <c:v>45</c:v>
                </c:pt>
                <c:pt idx="32">
                  <c:v>46</c:v>
                </c:pt>
                <c:pt idx="33">
                  <c:v>47</c:v>
                </c:pt>
                <c:pt idx="34">
                  <c:v>48</c:v>
                </c:pt>
                <c:pt idx="35">
                  <c:v>49</c:v>
                </c:pt>
                <c:pt idx="36">
                  <c:v>50</c:v>
                </c:pt>
                <c:pt idx="37">
                  <c:v>51</c:v>
                </c:pt>
                <c:pt idx="38">
                  <c:v>52</c:v>
                </c:pt>
                <c:pt idx="39">
                  <c:v>53</c:v>
                </c:pt>
                <c:pt idx="40">
                  <c:v>54</c:v>
                </c:pt>
                <c:pt idx="41">
                  <c:v>55</c:v>
                </c:pt>
                <c:pt idx="42">
                  <c:v>56</c:v>
                </c:pt>
                <c:pt idx="43">
                  <c:v>57</c:v>
                </c:pt>
                <c:pt idx="44">
                  <c:v>58</c:v>
                </c:pt>
                <c:pt idx="45">
                  <c:v>59</c:v>
                </c:pt>
                <c:pt idx="46">
                  <c:v>60</c:v>
                </c:pt>
                <c:pt idx="47">
                  <c:v>61</c:v>
                </c:pt>
                <c:pt idx="48">
                  <c:v>62</c:v>
                </c:pt>
                <c:pt idx="49">
                  <c:v>63</c:v>
                </c:pt>
                <c:pt idx="50">
                  <c:v>64</c:v>
                </c:pt>
                <c:pt idx="51">
                  <c:v>65</c:v>
                </c:pt>
                <c:pt idx="52">
                  <c:v>66</c:v>
                </c:pt>
                <c:pt idx="53">
                  <c:v>67</c:v>
                </c:pt>
                <c:pt idx="54">
                  <c:v>68</c:v>
                </c:pt>
                <c:pt idx="55">
                  <c:v>69</c:v>
                </c:pt>
                <c:pt idx="56">
                  <c:v>70</c:v>
                </c:pt>
                <c:pt idx="57">
                  <c:v>71</c:v>
                </c:pt>
                <c:pt idx="58">
                  <c:v>72</c:v>
                </c:pt>
                <c:pt idx="59">
                  <c:v>73</c:v>
                </c:pt>
                <c:pt idx="60">
                  <c:v>74</c:v>
                </c:pt>
                <c:pt idx="61">
                  <c:v>75</c:v>
                </c:pt>
                <c:pt idx="62">
                  <c:v>76</c:v>
                </c:pt>
                <c:pt idx="63">
                  <c:v>77</c:v>
                </c:pt>
                <c:pt idx="64">
                  <c:v>78</c:v>
                </c:pt>
                <c:pt idx="65">
                  <c:v>79</c:v>
                </c:pt>
                <c:pt idx="66">
                  <c:v>80</c:v>
                </c:pt>
                <c:pt idx="67">
                  <c:v>81</c:v>
                </c:pt>
                <c:pt idx="68">
                  <c:v>82</c:v>
                </c:pt>
                <c:pt idx="69">
                  <c:v>83</c:v>
                </c:pt>
                <c:pt idx="70">
                  <c:v>84</c:v>
                </c:pt>
                <c:pt idx="71">
                  <c:v>85</c:v>
                </c:pt>
                <c:pt idx="72">
                  <c:v>86</c:v>
                </c:pt>
                <c:pt idx="73">
                  <c:v>87</c:v>
                </c:pt>
                <c:pt idx="74">
                  <c:v>88</c:v>
                </c:pt>
                <c:pt idx="75">
                  <c:v>89</c:v>
                </c:pt>
                <c:pt idx="76">
                  <c:v>90</c:v>
                </c:pt>
                <c:pt idx="77">
                  <c:v>91</c:v>
                </c:pt>
                <c:pt idx="78">
                  <c:v>92</c:v>
                </c:pt>
                <c:pt idx="79">
                  <c:v>93</c:v>
                </c:pt>
                <c:pt idx="80">
                  <c:v>94</c:v>
                </c:pt>
                <c:pt idx="81">
                  <c:v>95</c:v>
                </c:pt>
                <c:pt idx="82">
                  <c:v>96</c:v>
                </c:pt>
                <c:pt idx="83">
                  <c:v>97</c:v>
                </c:pt>
                <c:pt idx="84">
                  <c:v>98</c:v>
                </c:pt>
                <c:pt idx="85">
                  <c:v>99</c:v>
                </c:pt>
                <c:pt idx="86">
                  <c:v>100</c:v>
                </c:pt>
                <c:pt idx="87">
                  <c:v>101</c:v>
                </c:pt>
                <c:pt idx="88">
                  <c:v>102</c:v>
                </c:pt>
                <c:pt idx="89">
                  <c:v>103</c:v>
                </c:pt>
                <c:pt idx="90">
                  <c:v>104</c:v>
                </c:pt>
                <c:pt idx="91">
                  <c:v>105</c:v>
                </c:pt>
                <c:pt idx="92">
                  <c:v>106</c:v>
                </c:pt>
                <c:pt idx="93">
                  <c:v>107</c:v>
                </c:pt>
                <c:pt idx="94">
                  <c:v>108</c:v>
                </c:pt>
                <c:pt idx="95">
                  <c:v>109</c:v>
                </c:pt>
                <c:pt idx="96">
                  <c:v>110</c:v>
                </c:pt>
                <c:pt idx="97">
                  <c:v>111</c:v>
                </c:pt>
                <c:pt idx="98">
                  <c:v>112</c:v>
                </c:pt>
                <c:pt idx="99">
                  <c:v>113</c:v>
                </c:pt>
                <c:pt idx="100">
                  <c:v>114</c:v>
                </c:pt>
                <c:pt idx="101">
                  <c:v>115</c:v>
                </c:pt>
                <c:pt idx="102">
                  <c:v>116</c:v>
                </c:pt>
                <c:pt idx="103">
                  <c:v>117</c:v>
                </c:pt>
                <c:pt idx="104">
                  <c:v>118</c:v>
                </c:pt>
                <c:pt idx="105">
                  <c:v>119</c:v>
                </c:pt>
                <c:pt idx="106">
                  <c:v>120</c:v>
                </c:pt>
                <c:pt idx="107">
                  <c:v>121</c:v>
                </c:pt>
                <c:pt idx="108">
                  <c:v>122</c:v>
                </c:pt>
                <c:pt idx="109">
                  <c:v>123</c:v>
                </c:pt>
                <c:pt idx="110">
                  <c:v>124</c:v>
                </c:pt>
                <c:pt idx="111">
                  <c:v>125</c:v>
                </c:pt>
                <c:pt idx="112">
                  <c:v>126</c:v>
                </c:pt>
                <c:pt idx="113">
                  <c:v>127</c:v>
                </c:pt>
                <c:pt idx="114">
                  <c:v>128</c:v>
                </c:pt>
                <c:pt idx="115">
                  <c:v>129</c:v>
                </c:pt>
                <c:pt idx="116">
                  <c:v>130</c:v>
                </c:pt>
                <c:pt idx="117">
                  <c:v>131</c:v>
                </c:pt>
                <c:pt idx="118">
                  <c:v>132</c:v>
                </c:pt>
                <c:pt idx="119">
                  <c:v>133</c:v>
                </c:pt>
                <c:pt idx="120">
                  <c:v>134</c:v>
                </c:pt>
                <c:pt idx="121">
                  <c:v>135</c:v>
                </c:pt>
                <c:pt idx="122">
                  <c:v>136</c:v>
                </c:pt>
                <c:pt idx="123">
                  <c:v>137</c:v>
                </c:pt>
                <c:pt idx="124">
                  <c:v>138</c:v>
                </c:pt>
                <c:pt idx="125">
                  <c:v>139</c:v>
                </c:pt>
                <c:pt idx="126">
                  <c:v>140</c:v>
                </c:pt>
                <c:pt idx="127">
                  <c:v>141</c:v>
                </c:pt>
                <c:pt idx="128">
                  <c:v>142</c:v>
                </c:pt>
                <c:pt idx="129">
                  <c:v>143</c:v>
                </c:pt>
                <c:pt idx="130">
                  <c:v>144</c:v>
                </c:pt>
                <c:pt idx="131">
                  <c:v>145</c:v>
                </c:pt>
                <c:pt idx="132">
                  <c:v>146</c:v>
                </c:pt>
                <c:pt idx="133">
                  <c:v>147</c:v>
                </c:pt>
                <c:pt idx="134">
                  <c:v>148</c:v>
                </c:pt>
                <c:pt idx="135">
                  <c:v>149</c:v>
                </c:pt>
                <c:pt idx="136">
                  <c:v>150</c:v>
                </c:pt>
                <c:pt idx="137">
                  <c:v>151</c:v>
                </c:pt>
                <c:pt idx="138">
                  <c:v>152</c:v>
                </c:pt>
                <c:pt idx="139">
                  <c:v>153</c:v>
                </c:pt>
                <c:pt idx="140">
                  <c:v>154</c:v>
                </c:pt>
                <c:pt idx="141">
                  <c:v>155</c:v>
                </c:pt>
                <c:pt idx="142">
                  <c:v>156</c:v>
                </c:pt>
                <c:pt idx="143">
                  <c:v>157</c:v>
                </c:pt>
                <c:pt idx="144">
                  <c:v>158</c:v>
                </c:pt>
                <c:pt idx="145">
                  <c:v>159</c:v>
                </c:pt>
                <c:pt idx="146">
                  <c:v>160</c:v>
                </c:pt>
                <c:pt idx="147">
                  <c:v>161</c:v>
                </c:pt>
                <c:pt idx="148">
                  <c:v>162</c:v>
                </c:pt>
                <c:pt idx="149">
                  <c:v>163</c:v>
                </c:pt>
                <c:pt idx="150">
                  <c:v>164</c:v>
                </c:pt>
                <c:pt idx="151">
                  <c:v>165</c:v>
                </c:pt>
                <c:pt idx="152">
                  <c:v>166</c:v>
                </c:pt>
                <c:pt idx="153">
                  <c:v>167</c:v>
                </c:pt>
                <c:pt idx="154">
                  <c:v>168</c:v>
                </c:pt>
                <c:pt idx="155">
                  <c:v>169</c:v>
                </c:pt>
                <c:pt idx="156">
                  <c:v>170</c:v>
                </c:pt>
                <c:pt idx="157">
                  <c:v>171</c:v>
                </c:pt>
                <c:pt idx="158">
                  <c:v>172</c:v>
                </c:pt>
                <c:pt idx="159">
                  <c:v>173</c:v>
                </c:pt>
                <c:pt idx="160">
                  <c:v>174</c:v>
                </c:pt>
                <c:pt idx="161">
                  <c:v>175</c:v>
                </c:pt>
                <c:pt idx="162">
                  <c:v>176</c:v>
                </c:pt>
                <c:pt idx="163">
                  <c:v>177</c:v>
                </c:pt>
                <c:pt idx="164">
                  <c:v>178</c:v>
                </c:pt>
                <c:pt idx="165">
                  <c:v>179</c:v>
                </c:pt>
                <c:pt idx="166">
                  <c:v>180</c:v>
                </c:pt>
                <c:pt idx="167">
                  <c:v>181</c:v>
                </c:pt>
                <c:pt idx="168">
                  <c:v>182</c:v>
                </c:pt>
                <c:pt idx="169">
                  <c:v>183</c:v>
                </c:pt>
                <c:pt idx="170">
                  <c:v>184</c:v>
                </c:pt>
                <c:pt idx="171">
                  <c:v>185</c:v>
                </c:pt>
                <c:pt idx="172">
                  <c:v>186</c:v>
                </c:pt>
                <c:pt idx="173">
                  <c:v>187</c:v>
                </c:pt>
                <c:pt idx="174">
                  <c:v>188</c:v>
                </c:pt>
                <c:pt idx="175">
                  <c:v>189</c:v>
                </c:pt>
                <c:pt idx="176">
                  <c:v>190</c:v>
                </c:pt>
                <c:pt idx="177">
                  <c:v>191</c:v>
                </c:pt>
                <c:pt idx="178">
                  <c:v>192</c:v>
                </c:pt>
                <c:pt idx="179">
                  <c:v>193</c:v>
                </c:pt>
                <c:pt idx="180">
                  <c:v>194</c:v>
                </c:pt>
                <c:pt idx="181">
                  <c:v>195</c:v>
                </c:pt>
                <c:pt idx="182">
                  <c:v>196</c:v>
                </c:pt>
                <c:pt idx="183">
                  <c:v>197</c:v>
                </c:pt>
                <c:pt idx="184">
                  <c:v>198</c:v>
                </c:pt>
                <c:pt idx="185">
                  <c:v>199</c:v>
                </c:pt>
                <c:pt idx="186">
                  <c:v>200</c:v>
                </c:pt>
                <c:pt idx="187">
                  <c:v>201</c:v>
                </c:pt>
                <c:pt idx="188">
                  <c:v>202</c:v>
                </c:pt>
                <c:pt idx="189">
                  <c:v>203</c:v>
                </c:pt>
                <c:pt idx="190">
                  <c:v>204</c:v>
                </c:pt>
                <c:pt idx="191">
                  <c:v>205</c:v>
                </c:pt>
                <c:pt idx="192">
                  <c:v>206</c:v>
                </c:pt>
                <c:pt idx="193">
                  <c:v>207</c:v>
                </c:pt>
                <c:pt idx="194">
                  <c:v>208</c:v>
                </c:pt>
                <c:pt idx="195">
                  <c:v>209</c:v>
                </c:pt>
                <c:pt idx="196">
                  <c:v>210</c:v>
                </c:pt>
                <c:pt idx="197">
                  <c:v>211</c:v>
                </c:pt>
                <c:pt idx="198">
                  <c:v>212</c:v>
                </c:pt>
                <c:pt idx="199">
                  <c:v>213</c:v>
                </c:pt>
                <c:pt idx="200">
                  <c:v>214</c:v>
                </c:pt>
                <c:pt idx="201">
                  <c:v>215</c:v>
                </c:pt>
                <c:pt idx="202">
                  <c:v>216</c:v>
                </c:pt>
                <c:pt idx="203">
                  <c:v>217</c:v>
                </c:pt>
                <c:pt idx="204">
                  <c:v>218</c:v>
                </c:pt>
                <c:pt idx="205">
                  <c:v>219</c:v>
                </c:pt>
                <c:pt idx="206">
                  <c:v>220</c:v>
                </c:pt>
                <c:pt idx="207">
                  <c:v>221</c:v>
                </c:pt>
                <c:pt idx="208">
                  <c:v>222</c:v>
                </c:pt>
                <c:pt idx="209">
                  <c:v>223</c:v>
                </c:pt>
                <c:pt idx="210">
                  <c:v>224</c:v>
                </c:pt>
                <c:pt idx="211">
                  <c:v>225</c:v>
                </c:pt>
                <c:pt idx="212">
                  <c:v>226</c:v>
                </c:pt>
                <c:pt idx="213">
                  <c:v>227</c:v>
                </c:pt>
                <c:pt idx="214">
                  <c:v>228</c:v>
                </c:pt>
                <c:pt idx="215">
                  <c:v>229</c:v>
                </c:pt>
                <c:pt idx="216">
                  <c:v>230</c:v>
                </c:pt>
                <c:pt idx="217">
                  <c:v>231</c:v>
                </c:pt>
                <c:pt idx="218">
                  <c:v>232</c:v>
                </c:pt>
                <c:pt idx="219">
                  <c:v>233</c:v>
                </c:pt>
                <c:pt idx="220">
                  <c:v>234</c:v>
                </c:pt>
                <c:pt idx="221">
                  <c:v>235</c:v>
                </c:pt>
                <c:pt idx="222">
                  <c:v>236</c:v>
                </c:pt>
                <c:pt idx="223">
                  <c:v>237</c:v>
                </c:pt>
                <c:pt idx="224">
                  <c:v>238</c:v>
                </c:pt>
                <c:pt idx="225">
                  <c:v>239</c:v>
                </c:pt>
                <c:pt idx="226">
                  <c:v>240</c:v>
                </c:pt>
                <c:pt idx="227">
                  <c:v>241</c:v>
                </c:pt>
                <c:pt idx="228">
                  <c:v>242</c:v>
                </c:pt>
                <c:pt idx="229">
                  <c:v>243</c:v>
                </c:pt>
                <c:pt idx="230">
                  <c:v>244</c:v>
                </c:pt>
                <c:pt idx="231">
                  <c:v>245</c:v>
                </c:pt>
                <c:pt idx="232">
                  <c:v>246</c:v>
                </c:pt>
                <c:pt idx="233">
                  <c:v>247</c:v>
                </c:pt>
                <c:pt idx="234">
                  <c:v>248</c:v>
                </c:pt>
                <c:pt idx="235">
                  <c:v>249</c:v>
                </c:pt>
                <c:pt idx="236">
                  <c:v>250</c:v>
                </c:pt>
                <c:pt idx="237">
                  <c:v>251</c:v>
                </c:pt>
                <c:pt idx="238">
                  <c:v>252</c:v>
                </c:pt>
                <c:pt idx="239">
                  <c:v>253</c:v>
                </c:pt>
                <c:pt idx="240">
                  <c:v>254</c:v>
                </c:pt>
                <c:pt idx="241">
                  <c:v>255</c:v>
                </c:pt>
                <c:pt idx="242">
                  <c:v>256</c:v>
                </c:pt>
                <c:pt idx="243">
                  <c:v>257</c:v>
                </c:pt>
                <c:pt idx="244">
                  <c:v>258</c:v>
                </c:pt>
                <c:pt idx="245">
                  <c:v>259</c:v>
                </c:pt>
                <c:pt idx="246">
                  <c:v>260</c:v>
                </c:pt>
                <c:pt idx="247">
                  <c:v>261</c:v>
                </c:pt>
                <c:pt idx="248">
                  <c:v>262</c:v>
                </c:pt>
                <c:pt idx="249">
                  <c:v>263</c:v>
                </c:pt>
                <c:pt idx="250">
                  <c:v>264</c:v>
                </c:pt>
                <c:pt idx="251">
                  <c:v>265</c:v>
                </c:pt>
                <c:pt idx="252">
                  <c:v>266</c:v>
                </c:pt>
                <c:pt idx="253">
                  <c:v>267</c:v>
                </c:pt>
                <c:pt idx="254">
                  <c:v>268</c:v>
                </c:pt>
                <c:pt idx="255">
                  <c:v>269</c:v>
                </c:pt>
                <c:pt idx="256">
                  <c:v>270</c:v>
                </c:pt>
                <c:pt idx="257">
                  <c:v>271</c:v>
                </c:pt>
                <c:pt idx="258">
                  <c:v>272</c:v>
                </c:pt>
                <c:pt idx="259">
                  <c:v>273</c:v>
                </c:pt>
                <c:pt idx="260">
                  <c:v>274</c:v>
                </c:pt>
                <c:pt idx="261">
                  <c:v>275</c:v>
                </c:pt>
                <c:pt idx="262">
                  <c:v>276</c:v>
                </c:pt>
                <c:pt idx="263">
                  <c:v>277</c:v>
                </c:pt>
                <c:pt idx="264">
                  <c:v>278</c:v>
                </c:pt>
                <c:pt idx="265">
                  <c:v>279</c:v>
                </c:pt>
                <c:pt idx="266">
                  <c:v>280</c:v>
                </c:pt>
                <c:pt idx="267">
                  <c:v>281</c:v>
                </c:pt>
                <c:pt idx="268">
                  <c:v>282</c:v>
                </c:pt>
                <c:pt idx="269">
                  <c:v>283</c:v>
                </c:pt>
                <c:pt idx="270">
                  <c:v>284</c:v>
                </c:pt>
                <c:pt idx="271">
                  <c:v>285</c:v>
                </c:pt>
                <c:pt idx="272">
                  <c:v>286</c:v>
                </c:pt>
                <c:pt idx="273">
                  <c:v>287</c:v>
                </c:pt>
                <c:pt idx="274">
                  <c:v>288</c:v>
                </c:pt>
                <c:pt idx="275">
                  <c:v>289</c:v>
                </c:pt>
                <c:pt idx="276">
                  <c:v>290</c:v>
                </c:pt>
                <c:pt idx="277">
                  <c:v>291</c:v>
                </c:pt>
                <c:pt idx="278">
                  <c:v>292</c:v>
                </c:pt>
                <c:pt idx="279">
                  <c:v>293</c:v>
                </c:pt>
                <c:pt idx="280">
                  <c:v>294</c:v>
                </c:pt>
                <c:pt idx="281">
                  <c:v>295</c:v>
                </c:pt>
                <c:pt idx="282">
                  <c:v>296</c:v>
                </c:pt>
                <c:pt idx="283">
                  <c:v>297</c:v>
                </c:pt>
                <c:pt idx="284">
                  <c:v>298</c:v>
                </c:pt>
                <c:pt idx="285">
                  <c:v>299</c:v>
                </c:pt>
                <c:pt idx="286">
                  <c:v>300</c:v>
                </c:pt>
                <c:pt idx="287">
                  <c:v>301</c:v>
                </c:pt>
                <c:pt idx="288">
                  <c:v>302</c:v>
                </c:pt>
                <c:pt idx="289">
                  <c:v>303</c:v>
                </c:pt>
                <c:pt idx="290">
                  <c:v>304</c:v>
                </c:pt>
                <c:pt idx="291">
                  <c:v>305</c:v>
                </c:pt>
                <c:pt idx="292">
                  <c:v>306</c:v>
                </c:pt>
                <c:pt idx="293">
                  <c:v>307</c:v>
                </c:pt>
                <c:pt idx="294">
                  <c:v>308</c:v>
                </c:pt>
                <c:pt idx="295">
                  <c:v>309</c:v>
                </c:pt>
                <c:pt idx="296">
                  <c:v>310</c:v>
                </c:pt>
                <c:pt idx="297">
                  <c:v>311</c:v>
                </c:pt>
                <c:pt idx="298">
                  <c:v>312</c:v>
                </c:pt>
                <c:pt idx="299">
                  <c:v>313</c:v>
                </c:pt>
                <c:pt idx="300">
                  <c:v>314</c:v>
                </c:pt>
                <c:pt idx="301">
                  <c:v>315</c:v>
                </c:pt>
                <c:pt idx="302">
                  <c:v>316</c:v>
                </c:pt>
                <c:pt idx="303">
                  <c:v>317</c:v>
                </c:pt>
                <c:pt idx="304">
                  <c:v>318</c:v>
                </c:pt>
                <c:pt idx="305">
                  <c:v>319</c:v>
                </c:pt>
                <c:pt idx="306">
                  <c:v>320</c:v>
                </c:pt>
                <c:pt idx="307">
                  <c:v>321</c:v>
                </c:pt>
                <c:pt idx="308">
                  <c:v>322</c:v>
                </c:pt>
                <c:pt idx="309">
                  <c:v>323</c:v>
                </c:pt>
                <c:pt idx="310">
                  <c:v>324</c:v>
                </c:pt>
                <c:pt idx="311">
                  <c:v>325</c:v>
                </c:pt>
                <c:pt idx="312">
                  <c:v>326</c:v>
                </c:pt>
                <c:pt idx="313">
                  <c:v>327</c:v>
                </c:pt>
                <c:pt idx="314">
                  <c:v>328</c:v>
                </c:pt>
                <c:pt idx="315">
                  <c:v>329</c:v>
                </c:pt>
                <c:pt idx="316">
                  <c:v>330</c:v>
                </c:pt>
                <c:pt idx="317">
                  <c:v>331</c:v>
                </c:pt>
                <c:pt idx="318">
                  <c:v>332</c:v>
                </c:pt>
                <c:pt idx="319">
                  <c:v>333</c:v>
                </c:pt>
                <c:pt idx="320">
                  <c:v>334</c:v>
                </c:pt>
                <c:pt idx="321">
                  <c:v>335</c:v>
                </c:pt>
                <c:pt idx="322">
                  <c:v>336</c:v>
                </c:pt>
                <c:pt idx="323">
                  <c:v>337</c:v>
                </c:pt>
                <c:pt idx="324">
                  <c:v>338</c:v>
                </c:pt>
                <c:pt idx="325">
                  <c:v>339</c:v>
                </c:pt>
                <c:pt idx="326">
                  <c:v>340</c:v>
                </c:pt>
                <c:pt idx="327">
                  <c:v>341</c:v>
                </c:pt>
                <c:pt idx="328">
                  <c:v>342</c:v>
                </c:pt>
                <c:pt idx="329">
                  <c:v>343</c:v>
                </c:pt>
                <c:pt idx="330">
                  <c:v>344</c:v>
                </c:pt>
                <c:pt idx="331">
                  <c:v>345</c:v>
                </c:pt>
                <c:pt idx="332">
                  <c:v>346</c:v>
                </c:pt>
                <c:pt idx="333">
                  <c:v>347</c:v>
                </c:pt>
                <c:pt idx="334">
                  <c:v>348</c:v>
                </c:pt>
                <c:pt idx="335">
                  <c:v>349</c:v>
                </c:pt>
                <c:pt idx="336">
                  <c:v>350</c:v>
                </c:pt>
                <c:pt idx="337">
                  <c:v>351</c:v>
                </c:pt>
                <c:pt idx="338">
                  <c:v>352</c:v>
                </c:pt>
                <c:pt idx="339">
                  <c:v>353</c:v>
                </c:pt>
                <c:pt idx="340">
                  <c:v>354</c:v>
                </c:pt>
                <c:pt idx="341">
                  <c:v>355</c:v>
                </c:pt>
                <c:pt idx="342">
                  <c:v>356</c:v>
                </c:pt>
                <c:pt idx="343">
                  <c:v>357</c:v>
                </c:pt>
                <c:pt idx="344">
                  <c:v>358</c:v>
                </c:pt>
                <c:pt idx="345">
                  <c:v>359</c:v>
                </c:pt>
                <c:pt idx="346">
                  <c:v>360</c:v>
                </c:pt>
                <c:pt idx="347">
                  <c:v>361</c:v>
                </c:pt>
                <c:pt idx="348">
                  <c:v>362</c:v>
                </c:pt>
                <c:pt idx="349">
                  <c:v>363</c:v>
                </c:pt>
                <c:pt idx="350">
                  <c:v>364</c:v>
                </c:pt>
                <c:pt idx="351">
                  <c:v>365</c:v>
                </c:pt>
                <c:pt idx="352">
                  <c:v>366</c:v>
                </c:pt>
                <c:pt idx="353">
                  <c:v>367</c:v>
                </c:pt>
                <c:pt idx="354">
                  <c:v>368</c:v>
                </c:pt>
                <c:pt idx="355">
                  <c:v>369</c:v>
                </c:pt>
                <c:pt idx="356">
                  <c:v>370</c:v>
                </c:pt>
                <c:pt idx="357">
                  <c:v>371</c:v>
                </c:pt>
                <c:pt idx="358">
                  <c:v>372</c:v>
                </c:pt>
                <c:pt idx="359">
                  <c:v>373</c:v>
                </c:pt>
                <c:pt idx="360">
                  <c:v>374</c:v>
                </c:pt>
                <c:pt idx="361">
                  <c:v>375</c:v>
                </c:pt>
                <c:pt idx="362">
                  <c:v>376</c:v>
                </c:pt>
                <c:pt idx="363">
                  <c:v>377</c:v>
                </c:pt>
                <c:pt idx="364">
                  <c:v>378</c:v>
                </c:pt>
                <c:pt idx="365">
                  <c:v>379</c:v>
                </c:pt>
                <c:pt idx="366">
                  <c:v>380</c:v>
                </c:pt>
                <c:pt idx="367">
                  <c:v>381</c:v>
                </c:pt>
                <c:pt idx="368">
                  <c:v>382</c:v>
                </c:pt>
                <c:pt idx="369">
                  <c:v>383</c:v>
                </c:pt>
                <c:pt idx="370">
                  <c:v>384</c:v>
                </c:pt>
                <c:pt idx="371">
                  <c:v>385</c:v>
                </c:pt>
                <c:pt idx="372">
                  <c:v>386</c:v>
                </c:pt>
                <c:pt idx="373">
                  <c:v>387</c:v>
                </c:pt>
                <c:pt idx="374">
                  <c:v>388</c:v>
                </c:pt>
                <c:pt idx="375">
                  <c:v>389</c:v>
                </c:pt>
                <c:pt idx="376">
                  <c:v>390</c:v>
                </c:pt>
                <c:pt idx="377">
                  <c:v>391</c:v>
                </c:pt>
                <c:pt idx="378">
                  <c:v>392</c:v>
                </c:pt>
                <c:pt idx="379">
                  <c:v>393</c:v>
                </c:pt>
                <c:pt idx="380">
                  <c:v>394</c:v>
                </c:pt>
                <c:pt idx="381">
                  <c:v>395</c:v>
                </c:pt>
                <c:pt idx="382">
                  <c:v>396</c:v>
                </c:pt>
                <c:pt idx="383">
                  <c:v>397</c:v>
                </c:pt>
                <c:pt idx="384">
                  <c:v>398</c:v>
                </c:pt>
                <c:pt idx="385">
                  <c:v>399</c:v>
                </c:pt>
                <c:pt idx="386">
                  <c:v>400</c:v>
                </c:pt>
                <c:pt idx="387">
                  <c:v>401</c:v>
                </c:pt>
                <c:pt idx="388">
                  <c:v>402</c:v>
                </c:pt>
                <c:pt idx="389">
                  <c:v>403</c:v>
                </c:pt>
                <c:pt idx="390">
                  <c:v>404</c:v>
                </c:pt>
                <c:pt idx="391">
                  <c:v>405</c:v>
                </c:pt>
                <c:pt idx="392">
                  <c:v>406</c:v>
                </c:pt>
                <c:pt idx="393">
                  <c:v>407</c:v>
                </c:pt>
                <c:pt idx="394">
                  <c:v>408</c:v>
                </c:pt>
                <c:pt idx="395">
                  <c:v>409</c:v>
                </c:pt>
                <c:pt idx="396">
                  <c:v>410</c:v>
                </c:pt>
                <c:pt idx="397">
                  <c:v>411</c:v>
                </c:pt>
                <c:pt idx="398">
                  <c:v>412</c:v>
                </c:pt>
                <c:pt idx="399">
                  <c:v>413</c:v>
                </c:pt>
                <c:pt idx="400">
                  <c:v>414</c:v>
                </c:pt>
                <c:pt idx="401">
                  <c:v>415</c:v>
                </c:pt>
                <c:pt idx="402">
                  <c:v>416</c:v>
                </c:pt>
                <c:pt idx="403">
                  <c:v>417</c:v>
                </c:pt>
                <c:pt idx="404">
                  <c:v>418</c:v>
                </c:pt>
                <c:pt idx="405">
                  <c:v>419</c:v>
                </c:pt>
                <c:pt idx="406">
                  <c:v>420</c:v>
                </c:pt>
                <c:pt idx="407">
                  <c:v>421</c:v>
                </c:pt>
                <c:pt idx="408">
                  <c:v>422</c:v>
                </c:pt>
                <c:pt idx="409">
                  <c:v>423</c:v>
                </c:pt>
                <c:pt idx="410">
                  <c:v>424</c:v>
                </c:pt>
                <c:pt idx="411">
                  <c:v>425</c:v>
                </c:pt>
                <c:pt idx="412">
                  <c:v>426</c:v>
                </c:pt>
                <c:pt idx="413">
                  <c:v>427</c:v>
                </c:pt>
                <c:pt idx="414">
                  <c:v>428</c:v>
                </c:pt>
                <c:pt idx="415">
                  <c:v>429</c:v>
                </c:pt>
                <c:pt idx="416">
                  <c:v>430</c:v>
                </c:pt>
                <c:pt idx="417">
                  <c:v>431</c:v>
                </c:pt>
                <c:pt idx="418">
                  <c:v>432</c:v>
                </c:pt>
                <c:pt idx="419">
                  <c:v>433</c:v>
                </c:pt>
                <c:pt idx="420">
                  <c:v>434</c:v>
                </c:pt>
                <c:pt idx="421">
                  <c:v>435</c:v>
                </c:pt>
                <c:pt idx="422">
                  <c:v>436</c:v>
                </c:pt>
                <c:pt idx="423">
                  <c:v>437</c:v>
                </c:pt>
                <c:pt idx="424">
                  <c:v>438</c:v>
                </c:pt>
                <c:pt idx="425">
                  <c:v>439</c:v>
                </c:pt>
                <c:pt idx="426">
                  <c:v>440</c:v>
                </c:pt>
                <c:pt idx="427">
                  <c:v>441</c:v>
                </c:pt>
                <c:pt idx="428">
                  <c:v>442</c:v>
                </c:pt>
                <c:pt idx="429">
                  <c:v>443</c:v>
                </c:pt>
                <c:pt idx="430">
                  <c:v>444</c:v>
                </c:pt>
                <c:pt idx="431">
                  <c:v>445</c:v>
                </c:pt>
                <c:pt idx="432">
                  <c:v>446</c:v>
                </c:pt>
                <c:pt idx="433">
                  <c:v>447</c:v>
                </c:pt>
                <c:pt idx="434">
                  <c:v>448</c:v>
                </c:pt>
                <c:pt idx="435">
                  <c:v>449</c:v>
                </c:pt>
                <c:pt idx="436">
                  <c:v>450</c:v>
                </c:pt>
                <c:pt idx="437">
                  <c:v>451</c:v>
                </c:pt>
                <c:pt idx="438">
                  <c:v>452</c:v>
                </c:pt>
                <c:pt idx="439">
                  <c:v>453</c:v>
                </c:pt>
                <c:pt idx="440">
                  <c:v>454</c:v>
                </c:pt>
                <c:pt idx="441">
                  <c:v>455</c:v>
                </c:pt>
                <c:pt idx="442">
                  <c:v>456</c:v>
                </c:pt>
                <c:pt idx="443">
                  <c:v>457</c:v>
                </c:pt>
                <c:pt idx="444">
                  <c:v>458</c:v>
                </c:pt>
                <c:pt idx="445">
                  <c:v>459</c:v>
                </c:pt>
                <c:pt idx="446">
                  <c:v>460</c:v>
                </c:pt>
                <c:pt idx="447">
                  <c:v>461</c:v>
                </c:pt>
                <c:pt idx="448">
                  <c:v>462</c:v>
                </c:pt>
                <c:pt idx="449">
                  <c:v>463</c:v>
                </c:pt>
                <c:pt idx="450">
                  <c:v>464</c:v>
                </c:pt>
                <c:pt idx="451">
                  <c:v>465</c:v>
                </c:pt>
                <c:pt idx="452">
                  <c:v>466</c:v>
                </c:pt>
                <c:pt idx="453">
                  <c:v>467</c:v>
                </c:pt>
                <c:pt idx="454">
                  <c:v>468</c:v>
                </c:pt>
                <c:pt idx="455">
                  <c:v>469</c:v>
                </c:pt>
                <c:pt idx="456">
                  <c:v>470</c:v>
                </c:pt>
                <c:pt idx="457">
                  <c:v>471</c:v>
                </c:pt>
                <c:pt idx="458">
                  <c:v>472</c:v>
                </c:pt>
                <c:pt idx="459">
                  <c:v>473</c:v>
                </c:pt>
                <c:pt idx="460">
                  <c:v>474</c:v>
                </c:pt>
                <c:pt idx="461">
                  <c:v>475</c:v>
                </c:pt>
                <c:pt idx="462">
                  <c:v>476</c:v>
                </c:pt>
                <c:pt idx="463">
                  <c:v>477</c:v>
                </c:pt>
                <c:pt idx="464">
                  <c:v>478</c:v>
                </c:pt>
                <c:pt idx="465">
                  <c:v>479</c:v>
                </c:pt>
                <c:pt idx="466">
                  <c:v>480</c:v>
                </c:pt>
                <c:pt idx="467">
                  <c:v>481</c:v>
                </c:pt>
                <c:pt idx="468">
                  <c:v>482</c:v>
                </c:pt>
                <c:pt idx="469">
                  <c:v>483</c:v>
                </c:pt>
                <c:pt idx="470">
                  <c:v>484</c:v>
                </c:pt>
                <c:pt idx="471">
                  <c:v>485</c:v>
                </c:pt>
                <c:pt idx="472">
                  <c:v>486</c:v>
                </c:pt>
                <c:pt idx="473">
                  <c:v>487</c:v>
                </c:pt>
                <c:pt idx="474">
                  <c:v>488</c:v>
                </c:pt>
                <c:pt idx="475">
                  <c:v>489</c:v>
                </c:pt>
                <c:pt idx="476">
                  <c:v>490</c:v>
                </c:pt>
                <c:pt idx="477">
                  <c:v>491</c:v>
                </c:pt>
                <c:pt idx="478">
                  <c:v>492</c:v>
                </c:pt>
                <c:pt idx="479">
                  <c:v>493</c:v>
                </c:pt>
                <c:pt idx="480">
                  <c:v>494</c:v>
                </c:pt>
                <c:pt idx="481">
                  <c:v>495</c:v>
                </c:pt>
                <c:pt idx="482">
                  <c:v>496</c:v>
                </c:pt>
                <c:pt idx="483">
                  <c:v>497</c:v>
                </c:pt>
                <c:pt idx="484">
                  <c:v>498</c:v>
                </c:pt>
                <c:pt idx="485">
                  <c:v>499</c:v>
                </c:pt>
                <c:pt idx="486">
                  <c:v>500</c:v>
                </c:pt>
              </c:numCache>
            </c:numRef>
          </c:cat>
          <c:val>
            <c:numRef>
              <c:f>test_1_results_14down!$B$2:$B$488</c:f>
              <c:numCache>
                <c:formatCode>General</c:formatCode>
                <c:ptCount val="487"/>
                <c:pt idx="0">
                  <c:v>247.77699999999999</c:v>
                </c:pt>
                <c:pt idx="1">
                  <c:v>240.34700000000001</c:v>
                </c:pt>
                <c:pt idx="2">
                  <c:v>229.32599999999999</c:v>
                </c:pt>
                <c:pt idx="3">
                  <c:v>221.02199999999999</c:v>
                </c:pt>
                <c:pt idx="4">
                  <c:v>219.53399999999999</c:v>
                </c:pt>
                <c:pt idx="5">
                  <c:v>211.94800000000001</c:v>
                </c:pt>
                <c:pt idx="6">
                  <c:v>203.24</c:v>
                </c:pt>
                <c:pt idx="7">
                  <c:v>194.625</c:v>
                </c:pt>
                <c:pt idx="8">
                  <c:v>193.542</c:v>
                </c:pt>
                <c:pt idx="9">
                  <c:v>189.85499999999999</c:v>
                </c:pt>
                <c:pt idx="10">
                  <c:v>187.858</c:v>
                </c:pt>
                <c:pt idx="11">
                  <c:v>185.39699999999999</c:v>
                </c:pt>
                <c:pt idx="12">
                  <c:v>187.279</c:v>
                </c:pt>
                <c:pt idx="13">
                  <c:v>185.21799999999999</c:v>
                </c:pt>
                <c:pt idx="14">
                  <c:v>183.24299999999999</c:v>
                </c:pt>
                <c:pt idx="15">
                  <c:v>179.916</c:v>
                </c:pt>
                <c:pt idx="16">
                  <c:v>185.87700000000001</c:v>
                </c:pt>
                <c:pt idx="17">
                  <c:v>180.02600000000001</c:v>
                </c:pt>
                <c:pt idx="18">
                  <c:v>180.63</c:v>
                </c:pt>
                <c:pt idx="19">
                  <c:v>180.12200000000001</c:v>
                </c:pt>
                <c:pt idx="20">
                  <c:v>182.471</c:v>
                </c:pt>
                <c:pt idx="21">
                  <c:v>178.50299999999999</c:v>
                </c:pt>
                <c:pt idx="22">
                  <c:v>179.43600000000001</c:v>
                </c:pt>
                <c:pt idx="23">
                  <c:v>176.85300000000001</c:v>
                </c:pt>
                <c:pt idx="24">
                  <c:v>181.07900000000001</c:v>
                </c:pt>
                <c:pt idx="25">
                  <c:v>176.90700000000001</c:v>
                </c:pt>
                <c:pt idx="26">
                  <c:v>178.39699999999999</c:v>
                </c:pt>
                <c:pt idx="27">
                  <c:v>185.93299999999999</c:v>
                </c:pt>
                <c:pt idx="28">
                  <c:v>191.05099999999999</c:v>
                </c:pt>
                <c:pt idx="29">
                  <c:v>191.262</c:v>
                </c:pt>
                <c:pt idx="30">
                  <c:v>189.125</c:v>
                </c:pt>
                <c:pt idx="31">
                  <c:v>186.54499999999999</c:v>
                </c:pt>
                <c:pt idx="32">
                  <c:v>189.399</c:v>
                </c:pt>
                <c:pt idx="33">
                  <c:v>188.42699999999999</c:v>
                </c:pt>
                <c:pt idx="34">
                  <c:v>187.74100000000001</c:v>
                </c:pt>
                <c:pt idx="35">
                  <c:v>186.751</c:v>
                </c:pt>
                <c:pt idx="36">
                  <c:v>186.16</c:v>
                </c:pt>
                <c:pt idx="37">
                  <c:v>187.346</c:v>
                </c:pt>
                <c:pt idx="38">
                  <c:v>187.53299999999999</c:v>
                </c:pt>
                <c:pt idx="39">
                  <c:v>186.822</c:v>
                </c:pt>
                <c:pt idx="40">
                  <c:v>186.56</c:v>
                </c:pt>
                <c:pt idx="41">
                  <c:v>186.03700000000001</c:v>
                </c:pt>
                <c:pt idx="42">
                  <c:v>186.928</c:v>
                </c:pt>
                <c:pt idx="43">
                  <c:v>187.69499999999999</c:v>
                </c:pt>
                <c:pt idx="44">
                  <c:v>187.17500000000001</c:v>
                </c:pt>
                <c:pt idx="45">
                  <c:v>189.45400000000001</c:v>
                </c:pt>
                <c:pt idx="46">
                  <c:v>186.33600000000001</c:v>
                </c:pt>
                <c:pt idx="47">
                  <c:v>186.59800000000001</c:v>
                </c:pt>
                <c:pt idx="48">
                  <c:v>188.81399999999999</c:v>
                </c:pt>
                <c:pt idx="49">
                  <c:v>190.21700000000001</c:v>
                </c:pt>
                <c:pt idx="50">
                  <c:v>186.59</c:v>
                </c:pt>
                <c:pt idx="51">
                  <c:v>185.667</c:v>
                </c:pt>
                <c:pt idx="52">
                  <c:v>186.547</c:v>
                </c:pt>
                <c:pt idx="53">
                  <c:v>187.18899999999999</c:v>
                </c:pt>
                <c:pt idx="54">
                  <c:v>186.35</c:v>
                </c:pt>
                <c:pt idx="55">
                  <c:v>185.38200000000001</c:v>
                </c:pt>
                <c:pt idx="56">
                  <c:v>185.37100000000001</c:v>
                </c:pt>
                <c:pt idx="57">
                  <c:v>184.97</c:v>
                </c:pt>
                <c:pt idx="58">
                  <c:v>184.50200000000001</c:v>
                </c:pt>
                <c:pt idx="59">
                  <c:v>186.28700000000001</c:v>
                </c:pt>
                <c:pt idx="60">
                  <c:v>186.62</c:v>
                </c:pt>
                <c:pt idx="61">
                  <c:v>184.91</c:v>
                </c:pt>
                <c:pt idx="62">
                  <c:v>186.46799999999999</c:v>
                </c:pt>
                <c:pt idx="63">
                  <c:v>187.184</c:v>
                </c:pt>
                <c:pt idx="64">
                  <c:v>187.477</c:v>
                </c:pt>
                <c:pt idx="65">
                  <c:v>187.64699999999999</c:v>
                </c:pt>
                <c:pt idx="66">
                  <c:v>186.24700000000001</c:v>
                </c:pt>
                <c:pt idx="67">
                  <c:v>185.34800000000001</c:v>
                </c:pt>
                <c:pt idx="68">
                  <c:v>186.55799999999999</c:v>
                </c:pt>
                <c:pt idx="69">
                  <c:v>186.17599999999999</c:v>
                </c:pt>
                <c:pt idx="70">
                  <c:v>186.52699999999999</c:v>
                </c:pt>
                <c:pt idx="71">
                  <c:v>186.941</c:v>
                </c:pt>
                <c:pt idx="72">
                  <c:v>186.49799999999999</c:v>
                </c:pt>
                <c:pt idx="73">
                  <c:v>187.202</c:v>
                </c:pt>
                <c:pt idx="74">
                  <c:v>186.94200000000001</c:v>
                </c:pt>
                <c:pt idx="75">
                  <c:v>187.03</c:v>
                </c:pt>
                <c:pt idx="76">
                  <c:v>188.292</c:v>
                </c:pt>
                <c:pt idx="77">
                  <c:v>188.893</c:v>
                </c:pt>
                <c:pt idx="78">
                  <c:v>188.26300000000001</c:v>
                </c:pt>
                <c:pt idx="79">
                  <c:v>189.13300000000001</c:v>
                </c:pt>
                <c:pt idx="80">
                  <c:v>188.62700000000001</c:v>
                </c:pt>
                <c:pt idx="81">
                  <c:v>189.119</c:v>
                </c:pt>
                <c:pt idx="82">
                  <c:v>188.369</c:v>
                </c:pt>
                <c:pt idx="83">
                  <c:v>188.97800000000001</c:v>
                </c:pt>
                <c:pt idx="84">
                  <c:v>187.464</c:v>
                </c:pt>
                <c:pt idx="85">
                  <c:v>188.25</c:v>
                </c:pt>
                <c:pt idx="86">
                  <c:v>188.21799999999999</c:v>
                </c:pt>
                <c:pt idx="87">
                  <c:v>191.767</c:v>
                </c:pt>
                <c:pt idx="88">
                  <c:v>189.92599999999999</c:v>
                </c:pt>
                <c:pt idx="89">
                  <c:v>190.30799999999999</c:v>
                </c:pt>
                <c:pt idx="90">
                  <c:v>191.351</c:v>
                </c:pt>
                <c:pt idx="91">
                  <c:v>190.45500000000001</c:v>
                </c:pt>
                <c:pt idx="92">
                  <c:v>190.38499999999999</c:v>
                </c:pt>
                <c:pt idx="93">
                  <c:v>191.05099999999999</c:v>
                </c:pt>
                <c:pt idx="94">
                  <c:v>189.72</c:v>
                </c:pt>
                <c:pt idx="95">
                  <c:v>190.20599999999999</c:v>
                </c:pt>
                <c:pt idx="96">
                  <c:v>191.00200000000001</c:v>
                </c:pt>
                <c:pt idx="97">
                  <c:v>191.38300000000001</c:v>
                </c:pt>
                <c:pt idx="98">
                  <c:v>190.78700000000001</c:v>
                </c:pt>
                <c:pt idx="99">
                  <c:v>193.048</c:v>
                </c:pt>
                <c:pt idx="100">
                  <c:v>190.91900000000001</c:v>
                </c:pt>
                <c:pt idx="101">
                  <c:v>191.32900000000001</c:v>
                </c:pt>
                <c:pt idx="102">
                  <c:v>191.12100000000001</c:v>
                </c:pt>
                <c:pt idx="103">
                  <c:v>190.47200000000001</c:v>
                </c:pt>
                <c:pt idx="104">
                  <c:v>191.227</c:v>
                </c:pt>
                <c:pt idx="105">
                  <c:v>191.494</c:v>
                </c:pt>
                <c:pt idx="106">
                  <c:v>189.911</c:v>
                </c:pt>
                <c:pt idx="107">
                  <c:v>190.197</c:v>
                </c:pt>
                <c:pt idx="108">
                  <c:v>190.88900000000001</c:v>
                </c:pt>
                <c:pt idx="109">
                  <c:v>190.60300000000001</c:v>
                </c:pt>
                <c:pt idx="110">
                  <c:v>191.142</c:v>
                </c:pt>
                <c:pt idx="111">
                  <c:v>190.495</c:v>
                </c:pt>
                <c:pt idx="112">
                  <c:v>190.53299999999999</c:v>
                </c:pt>
                <c:pt idx="113">
                  <c:v>190.71899999999999</c:v>
                </c:pt>
                <c:pt idx="114">
                  <c:v>190.899</c:v>
                </c:pt>
                <c:pt idx="115">
                  <c:v>193.01499999999999</c:v>
                </c:pt>
                <c:pt idx="116">
                  <c:v>192.18100000000001</c:v>
                </c:pt>
                <c:pt idx="117">
                  <c:v>191.578</c:v>
                </c:pt>
                <c:pt idx="118">
                  <c:v>192.291</c:v>
                </c:pt>
                <c:pt idx="119">
                  <c:v>192.07400000000001</c:v>
                </c:pt>
                <c:pt idx="120">
                  <c:v>192.32599999999999</c:v>
                </c:pt>
                <c:pt idx="121">
                  <c:v>192.96600000000001</c:v>
                </c:pt>
                <c:pt idx="122">
                  <c:v>192.24700000000001</c:v>
                </c:pt>
                <c:pt idx="123">
                  <c:v>193.21199999999999</c:v>
                </c:pt>
                <c:pt idx="124">
                  <c:v>192.40199999999999</c:v>
                </c:pt>
                <c:pt idx="125">
                  <c:v>192.392</c:v>
                </c:pt>
                <c:pt idx="126">
                  <c:v>192.56200000000001</c:v>
                </c:pt>
                <c:pt idx="127">
                  <c:v>193.30600000000001</c:v>
                </c:pt>
                <c:pt idx="128">
                  <c:v>192.483</c:v>
                </c:pt>
                <c:pt idx="129">
                  <c:v>192.37799999999999</c:v>
                </c:pt>
                <c:pt idx="130">
                  <c:v>193.285</c:v>
                </c:pt>
                <c:pt idx="131">
                  <c:v>193.38399999999999</c:v>
                </c:pt>
                <c:pt idx="132">
                  <c:v>193.322</c:v>
                </c:pt>
                <c:pt idx="133">
                  <c:v>195.71199999999999</c:v>
                </c:pt>
                <c:pt idx="134">
                  <c:v>192.89099999999999</c:v>
                </c:pt>
                <c:pt idx="135">
                  <c:v>195.078</c:v>
                </c:pt>
                <c:pt idx="136">
                  <c:v>194.57599999999999</c:v>
                </c:pt>
                <c:pt idx="137">
                  <c:v>194.815</c:v>
                </c:pt>
                <c:pt idx="138">
                  <c:v>194.63499999999999</c:v>
                </c:pt>
                <c:pt idx="139">
                  <c:v>194.45500000000001</c:v>
                </c:pt>
                <c:pt idx="140">
                  <c:v>195.37</c:v>
                </c:pt>
                <c:pt idx="141">
                  <c:v>195.26900000000001</c:v>
                </c:pt>
                <c:pt idx="142">
                  <c:v>196.03800000000001</c:v>
                </c:pt>
                <c:pt idx="143">
                  <c:v>195.64599999999999</c:v>
                </c:pt>
                <c:pt idx="144">
                  <c:v>195.95500000000001</c:v>
                </c:pt>
                <c:pt idx="145">
                  <c:v>195.77500000000001</c:v>
                </c:pt>
                <c:pt idx="146">
                  <c:v>196.71700000000001</c:v>
                </c:pt>
                <c:pt idx="147">
                  <c:v>196.29599999999999</c:v>
                </c:pt>
                <c:pt idx="148">
                  <c:v>196.11699999999999</c:v>
                </c:pt>
                <c:pt idx="149">
                  <c:v>197.11600000000001</c:v>
                </c:pt>
                <c:pt idx="150">
                  <c:v>196.04599999999999</c:v>
                </c:pt>
                <c:pt idx="151">
                  <c:v>197.04900000000001</c:v>
                </c:pt>
                <c:pt idx="152">
                  <c:v>196.43100000000001</c:v>
                </c:pt>
                <c:pt idx="153">
                  <c:v>197.68899999999999</c:v>
                </c:pt>
                <c:pt idx="154">
                  <c:v>197.56200000000001</c:v>
                </c:pt>
                <c:pt idx="155">
                  <c:v>198.29400000000001</c:v>
                </c:pt>
                <c:pt idx="156">
                  <c:v>197.452</c:v>
                </c:pt>
                <c:pt idx="157">
                  <c:v>197.79599999999999</c:v>
                </c:pt>
                <c:pt idx="158">
                  <c:v>198.547</c:v>
                </c:pt>
                <c:pt idx="159">
                  <c:v>198.57400000000001</c:v>
                </c:pt>
                <c:pt idx="160">
                  <c:v>199.072</c:v>
                </c:pt>
                <c:pt idx="161">
                  <c:v>198.749</c:v>
                </c:pt>
                <c:pt idx="162">
                  <c:v>199.65199999999999</c:v>
                </c:pt>
                <c:pt idx="163">
                  <c:v>199.571</c:v>
                </c:pt>
                <c:pt idx="164">
                  <c:v>200.09100000000001</c:v>
                </c:pt>
                <c:pt idx="165">
                  <c:v>200.21799999999999</c:v>
                </c:pt>
                <c:pt idx="166">
                  <c:v>200.37200000000001</c:v>
                </c:pt>
                <c:pt idx="167">
                  <c:v>200.61500000000001</c:v>
                </c:pt>
                <c:pt idx="168">
                  <c:v>201.96299999999999</c:v>
                </c:pt>
                <c:pt idx="169">
                  <c:v>200.465</c:v>
                </c:pt>
                <c:pt idx="170">
                  <c:v>201.30600000000001</c:v>
                </c:pt>
                <c:pt idx="171">
                  <c:v>200.393</c:v>
                </c:pt>
                <c:pt idx="172">
                  <c:v>201.71299999999999</c:v>
                </c:pt>
                <c:pt idx="173">
                  <c:v>201.73500000000001</c:v>
                </c:pt>
                <c:pt idx="174">
                  <c:v>201.58</c:v>
                </c:pt>
                <c:pt idx="175">
                  <c:v>201.07599999999999</c:v>
                </c:pt>
                <c:pt idx="176">
                  <c:v>203.56800000000001</c:v>
                </c:pt>
                <c:pt idx="177">
                  <c:v>202.98500000000001</c:v>
                </c:pt>
                <c:pt idx="178">
                  <c:v>201.971</c:v>
                </c:pt>
                <c:pt idx="179">
                  <c:v>202.613</c:v>
                </c:pt>
                <c:pt idx="180">
                  <c:v>203.13</c:v>
                </c:pt>
                <c:pt idx="181">
                  <c:v>204.56</c:v>
                </c:pt>
                <c:pt idx="182">
                  <c:v>204.15899999999999</c:v>
                </c:pt>
                <c:pt idx="183">
                  <c:v>204.60300000000001</c:v>
                </c:pt>
                <c:pt idx="184">
                  <c:v>203.44</c:v>
                </c:pt>
                <c:pt idx="185">
                  <c:v>203.60900000000001</c:v>
                </c:pt>
                <c:pt idx="186">
                  <c:v>204.13</c:v>
                </c:pt>
                <c:pt idx="187">
                  <c:v>204.273</c:v>
                </c:pt>
                <c:pt idx="188">
                  <c:v>204.73699999999999</c:v>
                </c:pt>
                <c:pt idx="189">
                  <c:v>204.18700000000001</c:v>
                </c:pt>
                <c:pt idx="190">
                  <c:v>205.51900000000001</c:v>
                </c:pt>
                <c:pt idx="191">
                  <c:v>206.279</c:v>
                </c:pt>
                <c:pt idx="192">
                  <c:v>206.28299999999999</c:v>
                </c:pt>
                <c:pt idx="193">
                  <c:v>206.13399999999999</c:v>
                </c:pt>
                <c:pt idx="194">
                  <c:v>206.733</c:v>
                </c:pt>
                <c:pt idx="195">
                  <c:v>206.72</c:v>
                </c:pt>
                <c:pt idx="196">
                  <c:v>206.95</c:v>
                </c:pt>
                <c:pt idx="197">
                  <c:v>207.75399999999999</c:v>
                </c:pt>
                <c:pt idx="198">
                  <c:v>208.20599999999999</c:v>
                </c:pt>
                <c:pt idx="199">
                  <c:v>206.84100000000001</c:v>
                </c:pt>
                <c:pt idx="200">
                  <c:v>208.28899999999999</c:v>
                </c:pt>
                <c:pt idx="201">
                  <c:v>208.374</c:v>
                </c:pt>
                <c:pt idx="202">
                  <c:v>208.66800000000001</c:v>
                </c:pt>
                <c:pt idx="203">
                  <c:v>208.33699999999999</c:v>
                </c:pt>
                <c:pt idx="204">
                  <c:v>207.87700000000001</c:v>
                </c:pt>
                <c:pt idx="205">
                  <c:v>210.09299999999999</c:v>
                </c:pt>
                <c:pt idx="206">
                  <c:v>210.84</c:v>
                </c:pt>
                <c:pt idx="207">
                  <c:v>209.76599999999999</c:v>
                </c:pt>
                <c:pt idx="208">
                  <c:v>211.90199999999999</c:v>
                </c:pt>
                <c:pt idx="209">
                  <c:v>209.738</c:v>
                </c:pt>
                <c:pt idx="210">
                  <c:v>211.85599999999999</c:v>
                </c:pt>
                <c:pt idx="211">
                  <c:v>212.398</c:v>
                </c:pt>
                <c:pt idx="212">
                  <c:v>211.184</c:v>
                </c:pt>
                <c:pt idx="213">
                  <c:v>212.10400000000001</c:v>
                </c:pt>
                <c:pt idx="214">
                  <c:v>211.376</c:v>
                </c:pt>
                <c:pt idx="215">
                  <c:v>214.25899999999999</c:v>
                </c:pt>
                <c:pt idx="216">
                  <c:v>212.364</c:v>
                </c:pt>
                <c:pt idx="217">
                  <c:v>213.547</c:v>
                </c:pt>
                <c:pt idx="218">
                  <c:v>214.23599999999999</c:v>
                </c:pt>
                <c:pt idx="219">
                  <c:v>213.988</c:v>
                </c:pt>
                <c:pt idx="220">
                  <c:v>214.52099999999999</c:v>
                </c:pt>
                <c:pt idx="221">
                  <c:v>214.126</c:v>
                </c:pt>
                <c:pt idx="222">
                  <c:v>214.35900000000001</c:v>
                </c:pt>
                <c:pt idx="223">
                  <c:v>214.83799999999999</c:v>
                </c:pt>
                <c:pt idx="224">
                  <c:v>215.88</c:v>
                </c:pt>
                <c:pt idx="225">
                  <c:v>215.42699999999999</c:v>
                </c:pt>
                <c:pt idx="226">
                  <c:v>214.387</c:v>
                </c:pt>
                <c:pt idx="227">
                  <c:v>213.94399999999999</c:v>
                </c:pt>
                <c:pt idx="228">
                  <c:v>214.863</c:v>
                </c:pt>
                <c:pt idx="229">
                  <c:v>215.45</c:v>
                </c:pt>
                <c:pt idx="230">
                  <c:v>214.886</c:v>
                </c:pt>
                <c:pt idx="231">
                  <c:v>214.52799999999999</c:v>
                </c:pt>
                <c:pt idx="232">
                  <c:v>214.93100000000001</c:v>
                </c:pt>
                <c:pt idx="233">
                  <c:v>216.048</c:v>
                </c:pt>
                <c:pt idx="234">
                  <c:v>215.864</c:v>
                </c:pt>
                <c:pt idx="235">
                  <c:v>214.86799999999999</c:v>
                </c:pt>
                <c:pt idx="236">
                  <c:v>215.37200000000001</c:v>
                </c:pt>
                <c:pt idx="237">
                  <c:v>214.69399999999999</c:v>
                </c:pt>
                <c:pt idx="238">
                  <c:v>214.8</c:v>
                </c:pt>
                <c:pt idx="239">
                  <c:v>214.94499999999999</c:v>
                </c:pt>
                <c:pt idx="240">
                  <c:v>214.875</c:v>
                </c:pt>
                <c:pt idx="241">
                  <c:v>214.54499999999999</c:v>
                </c:pt>
                <c:pt idx="242">
                  <c:v>216.85599999999999</c:v>
                </c:pt>
                <c:pt idx="243">
                  <c:v>215.74199999999999</c:v>
                </c:pt>
                <c:pt idx="244">
                  <c:v>215.76900000000001</c:v>
                </c:pt>
                <c:pt idx="245">
                  <c:v>217.001</c:v>
                </c:pt>
                <c:pt idx="246">
                  <c:v>218.316</c:v>
                </c:pt>
                <c:pt idx="247">
                  <c:v>216.65600000000001</c:v>
                </c:pt>
                <c:pt idx="248">
                  <c:v>217.26400000000001</c:v>
                </c:pt>
                <c:pt idx="249">
                  <c:v>216.33</c:v>
                </c:pt>
                <c:pt idx="250">
                  <c:v>216.92400000000001</c:v>
                </c:pt>
                <c:pt idx="251">
                  <c:v>218.649</c:v>
                </c:pt>
                <c:pt idx="252">
                  <c:v>218.321</c:v>
                </c:pt>
                <c:pt idx="253">
                  <c:v>219.40299999999999</c:v>
                </c:pt>
                <c:pt idx="254">
                  <c:v>219.06700000000001</c:v>
                </c:pt>
                <c:pt idx="255">
                  <c:v>218.119</c:v>
                </c:pt>
                <c:pt idx="256">
                  <c:v>216.29300000000001</c:v>
                </c:pt>
                <c:pt idx="257">
                  <c:v>218.58</c:v>
                </c:pt>
                <c:pt idx="258">
                  <c:v>217.25899999999999</c:v>
                </c:pt>
                <c:pt idx="259">
                  <c:v>217.58099999999999</c:v>
                </c:pt>
                <c:pt idx="260">
                  <c:v>217.04300000000001</c:v>
                </c:pt>
                <c:pt idx="261">
                  <c:v>217.94900000000001</c:v>
                </c:pt>
                <c:pt idx="262">
                  <c:v>217.42500000000001</c:v>
                </c:pt>
                <c:pt idx="263">
                  <c:v>217.39099999999999</c:v>
                </c:pt>
                <c:pt idx="264">
                  <c:v>216.75800000000001</c:v>
                </c:pt>
                <c:pt idx="265">
                  <c:v>215.41499999999999</c:v>
                </c:pt>
                <c:pt idx="266">
                  <c:v>215.49600000000001</c:v>
                </c:pt>
                <c:pt idx="267">
                  <c:v>216.12899999999999</c:v>
                </c:pt>
                <c:pt idx="268">
                  <c:v>216.47499999999999</c:v>
                </c:pt>
                <c:pt idx="269">
                  <c:v>215.79499999999999</c:v>
                </c:pt>
                <c:pt idx="270">
                  <c:v>217.49199999999999</c:v>
                </c:pt>
                <c:pt idx="271">
                  <c:v>215.41499999999999</c:v>
                </c:pt>
                <c:pt idx="272">
                  <c:v>215.28700000000001</c:v>
                </c:pt>
                <c:pt idx="273">
                  <c:v>216.435</c:v>
                </c:pt>
                <c:pt idx="274">
                  <c:v>215.03200000000001</c:v>
                </c:pt>
                <c:pt idx="275">
                  <c:v>215.00299999999999</c:v>
                </c:pt>
                <c:pt idx="276">
                  <c:v>214.73699999999999</c:v>
                </c:pt>
                <c:pt idx="277">
                  <c:v>214.74100000000001</c:v>
                </c:pt>
                <c:pt idx="278">
                  <c:v>214.584</c:v>
                </c:pt>
                <c:pt idx="279">
                  <c:v>215.35499999999999</c:v>
                </c:pt>
                <c:pt idx="280">
                  <c:v>215.50700000000001</c:v>
                </c:pt>
                <c:pt idx="281">
                  <c:v>215.44499999999999</c:v>
                </c:pt>
                <c:pt idx="282">
                  <c:v>216.256</c:v>
                </c:pt>
                <c:pt idx="283">
                  <c:v>214.80600000000001</c:v>
                </c:pt>
                <c:pt idx="284">
                  <c:v>215.36699999999999</c:v>
                </c:pt>
                <c:pt idx="285">
                  <c:v>215.15700000000001</c:v>
                </c:pt>
                <c:pt idx="286">
                  <c:v>214.762</c:v>
                </c:pt>
                <c:pt idx="287">
                  <c:v>215.35499999999999</c:v>
                </c:pt>
                <c:pt idx="288">
                  <c:v>216.161</c:v>
                </c:pt>
                <c:pt idx="289">
                  <c:v>214.947</c:v>
                </c:pt>
                <c:pt idx="290">
                  <c:v>214.54400000000001</c:v>
                </c:pt>
                <c:pt idx="291">
                  <c:v>216.24199999999999</c:v>
                </c:pt>
                <c:pt idx="292">
                  <c:v>214.90100000000001</c:v>
                </c:pt>
                <c:pt idx="293">
                  <c:v>215.10300000000001</c:v>
                </c:pt>
                <c:pt idx="294">
                  <c:v>214.983</c:v>
                </c:pt>
                <c:pt idx="295">
                  <c:v>214.672</c:v>
                </c:pt>
                <c:pt idx="296">
                  <c:v>215.328</c:v>
                </c:pt>
                <c:pt idx="297">
                  <c:v>214.113</c:v>
                </c:pt>
                <c:pt idx="298">
                  <c:v>215.36199999999999</c:v>
                </c:pt>
                <c:pt idx="299">
                  <c:v>215.262</c:v>
                </c:pt>
                <c:pt idx="300">
                  <c:v>215.81200000000001</c:v>
                </c:pt>
                <c:pt idx="301">
                  <c:v>215.91900000000001</c:v>
                </c:pt>
                <c:pt idx="302">
                  <c:v>220.22399999999999</c:v>
                </c:pt>
                <c:pt idx="303">
                  <c:v>223.30600000000001</c:v>
                </c:pt>
                <c:pt idx="304">
                  <c:v>218.648</c:v>
                </c:pt>
                <c:pt idx="305">
                  <c:v>216.98</c:v>
                </c:pt>
                <c:pt idx="306">
                  <c:v>215.96700000000001</c:v>
                </c:pt>
                <c:pt idx="307">
                  <c:v>216.24600000000001</c:v>
                </c:pt>
                <c:pt idx="308">
                  <c:v>216.49199999999999</c:v>
                </c:pt>
                <c:pt idx="309">
                  <c:v>215.9</c:v>
                </c:pt>
                <c:pt idx="310">
                  <c:v>216.26400000000001</c:v>
                </c:pt>
                <c:pt idx="311">
                  <c:v>216.44399999999999</c:v>
                </c:pt>
                <c:pt idx="312">
                  <c:v>215.833</c:v>
                </c:pt>
                <c:pt idx="313">
                  <c:v>216.96600000000001</c:v>
                </c:pt>
                <c:pt idx="314">
                  <c:v>217.904</c:v>
                </c:pt>
                <c:pt idx="315">
                  <c:v>218.78800000000001</c:v>
                </c:pt>
                <c:pt idx="316">
                  <c:v>216.548</c:v>
                </c:pt>
                <c:pt idx="317">
                  <c:v>216.059</c:v>
                </c:pt>
                <c:pt idx="318">
                  <c:v>215.67099999999999</c:v>
                </c:pt>
                <c:pt idx="319">
                  <c:v>215.505</c:v>
                </c:pt>
                <c:pt idx="320">
                  <c:v>215.65299999999999</c:v>
                </c:pt>
                <c:pt idx="321">
                  <c:v>214.86799999999999</c:v>
                </c:pt>
                <c:pt idx="322">
                  <c:v>215.9</c:v>
                </c:pt>
                <c:pt idx="323">
                  <c:v>214.81299999999999</c:v>
                </c:pt>
                <c:pt idx="324">
                  <c:v>215.09299999999999</c:v>
                </c:pt>
                <c:pt idx="325">
                  <c:v>214.47</c:v>
                </c:pt>
                <c:pt idx="326">
                  <c:v>214.86099999999999</c:v>
                </c:pt>
                <c:pt idx="327">
                  <c:v>215.86199999999999</c:v>
                </c:pt>
                <c:pt idx="328">
                  <c:v>216.09800000000001</c:v>
                </c:pt>
                <c:pt idx="329">
                  <c:v>215.869</c:v>
                </c:pt>
                <c:pt idx="330">
                  <c:v>215.358</c:v>
                </c:pt>
                <c:pt idx="331">
                  <c:v>215.42500000000001</c:v>
                </c:pt>
                <c:pt idx="332">
                  <c:v>215.31100000000001</c:v>
                </c:pt>
                <c:pt idx="333">
                  <c:v>215.393</c:v>
                </c:pt>
                <c:pt idx="334">
                  <c:v>215.43700000000001</c:v>
                </c:pt>
                <c:pt idx="335">
                  <c:v>214.29300000000001</c:v>
                </c:pt>
                <c:pt idx="336">
                  <c:v>216.38499999999999</c:v>
                </c:pt>
                <c:pt idx="337">
                  <c:v>216.17400000000001</c:v>
                </c:pt>
                <c:pt idx="338">
                  <c:v>214.93</c:v>
                </c:pt>
                <c:pt idx="339">
                  <c:v>215.83799999999999</c:v>
                </c:pt>
                <c:pt idx="340">
                  <c:v>216.06100000000001</c:v>
                </c:pt>
                <c:pt idx="341">
                  <c:v>214.94200000000001</c:v>
                </c:pt>
                <c:pt idx="342">
                  <c:v>214.93600000000001</c:v>
                </c:pt>
                <c:pt idx="343">
                  <c:v>215.32400000000001</c:v>
                </c:pt>
                <c:pt idx="344">
                  <c:v>215.33</c:v>
                </c:pt>
                <c:pt idx="345">
                  <c:v>215.52699999999999</c:v>
                </c:pt>
                <c:pt idx="346">
                  <c:v>216.63499999999999</c:v>
                </c:pt>
                <c:pt idx="347">
                  <c:v>215.88800000000001</c:v>
                </c:pt>
                <c:pt idx="348">
                  <c:v>216.13300000000001</c:v>
                </c:pt>
                <c:pt idx="349">
                  <c:v>215.95599999999999</c:v>
                </c:pt>
                <c:pt idx="350">
                  <c:v>215.38200000000001</c:v>
                </c:pt>
                <c:pt idx="351">
                  <c:v>214.77</c:v>
                </c:pt>
                <c:pt idx="352">
                  <c:v>215.68700000000001</c:v>
                </c:pt>
                <c:pt idx="353">
                  <c:v>215.376</c:v>
                </c:pt>
                <c:pt idx="354">
                  <c:v>215.505</c:v>
                </c:pt>
                <c:pt idx="355">
                  <c:v>221.821</c:v>
                </c:pt>
                <c:pt idx="356">
                  <c:v>217.27199999999999</c:v>
                </c:pt>
                <c:pt idx="357">
                  <c:v>215.16900000000001</c:v>
                </c:pt>
                <c:pt idx="358">
                  <c:v>215.31800000000001</c:v>
                </c:pt>
                <c:pt idx="359">
                  <c:v>215.404</c:v>
                </c:pt>
                <c:pt idx="360">
                  <c:v>214.613</c:v>
                </c:pt>
                <c:pt idx="361">
                  <c:v>215.32400000000001</c:v>
                </c:pt>
                <c:pt idx="362">
                  <c:v>214.547</c:v>
                </c:pt>
                <c:pt idx="363">
                  <c:v>215.63300000000001</c:v>
                </c:pt>
                <c:pt idx="364">
                  <c:v>216.125</c:v>
                </c:pt>
                <c:pt idx="365">
                  <c:v>215.57599999999999</c:v>
                </c:pt>
                <c:pt idx="366">
                  <c:v>214.88200000000001</c:v>
                </c:pt>
                <c:pt idx="367">
                  <c:v>214.51599999999999</c:v>
                </c:pt>
                <c:pt idx="368">
                  <c:v>214.54599999999999</c:v>
                </c:pt>
                <c:pt idx="369">
                  <c:v>215.55799999999999</c:v>
                </c:pt>
                <c:pt idx="370">
                  <c:v>214.06299999999999</c:v>
                </c:pt>
                <c:pt idx="371">
                  <c:v>215.33500000000001</c:v>
                </c:pt>
                <c:pt idx="372">
                  <c:v>214.727</c:v>
                </c:pt>
                <c:pt idx="373">
                  <c:v>215.69</c:v>
                </c:pt>
                <c:pt idx="374">
                  <c:v>215.42699999999999</c:v>
                </c:pt>
                <c:pt idx="375">
                  <c:v>214.93199999999999</c:v>
                </c:pt>
                <c:pt idx="376">
                  <c:v>215.12700000000001</c:v>
                </c:pt>
                <c:pt idx="377">
                  <c:v>214.161</c:v>
                </c:pt>
                <c:pt idx="378">
                  <c:v>215.18299999999999</c:v>
                </c:pt>
                <c:pt idx="379">
                  <c:v>214.285</c:v>
                </c:pt>
                <c:pt idx="380">
                  <c:v>214.86</c:v>
                </c:pt>
                <c:pt idx="381">
                  <c:v>215.76900000000001</c:v>
                </c:pt>
                <c:pt idx="382">
                  <c:v>215.166</c:v>
                </c:pt>
                <c:pt idx="383">
                  <c:v>215.19399999999999</c:v>
                </c:pt>
                <c:pt idx="384">
                  <c:v>214.565</c:v>
                </c:pt>
                <c:pt idx="385">
                  <c:v>215.04599999999999</c:v>
                </c:pt>
                <c:pt idx="386">
                  <c:v>215.03100000000001</c:v>
                </c:pt>
                <c:pt idx="387">
                  <c:v>215.27199999999999</c:v>
                </c:pt>
                <c:pt idx="388">
                  <c:v>214.91499999999999</c:v>
                </c:pt>
                <c:pt idx="389">
                  <c:v>218.27600000000001</c:v>
                </c:pt>
                <c:pt idx="390">
                  <c:v>214.26400000000001</c:v>
                </c:pt>
                <c:pt idx="391">
                  <c:v>215.89599999999999</c:v>
                </c:pt>
                <c:pt idx="392">
                  <c:v>216.58</c:v>
                </c:pt>
                <c:pt idx="393">
                  <c:v>216.61199999999999</c:v>
                </c:pt>
                <c:pt idx="394">
                  <c:v>216.053</c:v>
                </c:pt>
                <c:pt idx="395">
                  <c:v>215.791</c:v>
                </c:pt>
                <c:pt idx="396">
                  <c:v>216.01599999999999</c:v>
                </c:pt>
                <c:pt idx="397">
                  <c:v>216.482</c:v>
                </c:pt>
                <c:pt idx="398">
                  <c:v>214.65799999999999</c:v>
                </c:pt>
                <c:pt idx="399">
                  <c:v>214.416</c:v>
                </c:pt>
                <c:pt idx="400">
                  <c:v>215.346</c:v>
                </c:pt>
                <c:pt idx="401">
                  <c:v>215.227</c:v>
                </c:pt>
                <c:pt idx="402">
                  <c:v>216.32</c:v>
                </c:pt>
                <c:pt idx="403">
                  <c:v>214.59299999999999</c:v>
                </c:pt>
                <c:pt idx="404">
                  <c:v>215.732</c:v>
                </c:pt>
                <c:pt idx="405">
                  <c:v>216.52</c:v>
                </c:pt>
                <c:pt idx="406">
                  <c:v>215.46899999999999</c:v>
                </c:pt>
                <c:pt idx="407">
                  <c:v>215.02099999999999</c:v>
                </c:pt>
                <c:pt idx="408">
                  <c:v>215.25800000000001</c:v>
                </c:pt>
                <c:pt idx="409">
                  <c:v>215.333</c:v>
                </c:pt>
                <c:pt idx="410">
                  <c:v>214.803</c:v>
                </c:pt>
                <c:pt idx="411">
                  <c:v>214.98</c:v>
                </c:pt>
                <c:pt idx="412">
                  <c:v>214.85</c:v>
                </c:pt>
                <c:pt idx="413">
                  <c:v>214.6</c:v>
                </c:pt>
                <c:pt idx="414">
                  <c:v>214.33600000000001</c:v>
                </c:pt>
                <c:pt idx="415">
                  <c:v>214.845</c:v>
                </c:pt>
                <c:pt idx="416">
                  <c:v>215.197</c:v>
                </c:pt>
                <c:pt idx="417">
                  <c:v>214.357</c:v>
                </c:pt>
                <c:pt idx="418">
                  <c:v>215.58</c:v>
                </c:pt>
                <c:pt idx="419">
                  <c:v>215.59700000000001</c:v>
                </c:pt>
                <c:pt idx="420">
                  <c:v>214.85400000000001</c:v>
                </c:pt>
                <c:pt idx="421">
                  <c:v>214.75399999999999</c:v>
                </c:pt>
                <c:pt idx="422">
                  <c:v>216.965</c:v>
                </c:pt>
                <c:pt idx="423">
                  <c:v>215.303</c:v>
                </c:pt>
                <c:pt idx="424">
                  <c:v>216.596</c:v>
                </c:pt>
                <c:pt idx="425">
                  <c:v>214.964</c:v>
                </c:pt>
                <c:pt idx="426">
                  <c:v>215.79599999999999</c:v>
                </c:pt>
                <c:pt idx="427">
                  <c:v>215.14</c:v>
                </c:pt>
                <c:pt idx="428">
                  <c:v>215.40100000000001</c:v>
                </c:pt>
                <c:pt idx="429">
                  <c:v>214.90600000000001</c:v>
                </c:pt>
                <c:pt idx="430">
                  <c:v>214.52</c:v>
                </c:pt>
                <c:pt idx="431">
                  <c:v>214.876</c:v>
                </c:pt>
                <c:pt idx="432">
                  <c:v>215.387</c:v>
                </c:pt>
                <c:pt idx="433">
                  <c:v>214.535</c:v>
                </c:pt>
                <c:pt idx="434">
                  <c:v>215.13200000000001</c:v>
                </c:pt>
                <c:pt idx="435">
                  <c:v>215.67</c:v>
                </c:pt>
                <c:pt idx="436">
                  <c:v>215.124</c:v>
                </c:pt>
                <c:pt idx="437">
                  <c:v>215.96700000000001</c:v>
                </c:pt>
                <c:pt idx="438">
                  <c:v>215.09100000000001</c:v>
                </c:pt>
                <c:pt idx="439">
                  <c:v>214.315</c:v>
                </c:pt>
                <c:pt idx="440">
                  <c:v>214.64599999999999</c:v>
                </c:pt>
                <c:pt idx="441">
                  <c:v>214.50299999999999</c:v>
                </c:pt>
                <c:pt idx="442">
                  <c:v>214.334</c:v>
                </c:pt>
                <c:pt idx="443">
                  <c:v>214.32900000000001</c:v>
                </c:pt>
                <c:pt idx="444">
                  <c:v>214.934</c:v>
                </c:pt>
                <c:pt idx="445">
                  <c:v>215.13</c:v>
                </c:pt>
                <c:pt idx="446">
                  <c:v>214.745</c:v>
                </c:pt>
                <c:pt idx="447">
                  <c:v>215.56</c:v>
                </c:pt>
                <c:pt idx="448">
                  <c:v>215.68299999999999</c:v>
                </c:pt>
                <c:pt idx="449">
                  <c:v>213.953</c:v>
                </c:pt>
                <c:pt idx="450">
                  <c:v>215.65100000000001</c:v>
                </c:pt>
                <c:pt idx="451">
                  <c:v>214.047</c:v>
                </c:pt>
                <c:pt idx="452">
                  <c:v>215.35</c:v>
                </c:pt>
                <c:pt idx="453">
                  <c:v>215.614</c:v>
                </c:pt>
                <c:pt idx="454">
                  <c:v>215.69300000000001</c:v>
                </c:pt>
                <c:pt idx="455">
                  <c:v>214.69399999999999</c:v>
                </c:pt>
                <c:pt idx="456">
                  <c:v>214.65199999999999</c:v>
                </c:pt>
                <c:pt idx="457">
                  <c:v>214.43299999999999</c:v>
                </c:pt>
                <c:pt idx="458">
                  <c:v>215.34700000000001</c:v>
                </c:pt>
                <c:pt idx="459">
                  <c:v>215.16300000000001</c:v>
                </c:pt>
                <c:pt idx="460">
                  <c:v>214.17500000000001</c:v>
                </c:pt>
                <c:pt idx="461">
                  <c:v>215.86199999999999</c:v>
                </c:pt>
                <c:pt idx="462">
                  <c:v>215.55099999999999</c:v>
                </c:pt>
                <c:pt idx="463">
                  <c:v>214.97300000000001</c:v>
                </c:pt>
                <c:pt idx="464">
                  <c:v>214.49299999999999</c:v>
                </c:pt>
                <c:pt idx="465">
                  <c:v>214.858</c:v>
                </c:pt>
                <c:pt idx="466">
                  <c:v>213.28299999999999</c:v>
                </c:pt>
                <c:pt idx="467">
                  <c:v>213.55699999999999</c:v>
                </c:pt>
                <c:pt idx="468">
                  <c:v>212.97200000000001</c:v>
                </c:pt>
                <c:pt idx="469">
                  <c:v>213.77199999999999</c:v>
                </c:pt>
                <c:pt idx="470">
                  <c:v>212.87799999999999</c:v>
                </c:pt>
                <c:pt idx="471">
                  <c:v>213.227</c:v>
                </c:pt>
                <c:pt idx="472">
                  <c:v>213.72200000000001</c:v>
                </c:pt>
                <c:pt idx="473">
                  <c:v>212.58</c:v>
                </c:pt>
                <c:pt idx="474">
                  <c:v>213.71299999999999</c:v>
                </c:pt>
                <c:pt idx="475">
                  <c:v>213.09700000000001</c:v>
                </c:pt>
                <c:pt idx="476">
                  <c:v>213.43799999999999</c:v>
                </c:pt>
                <c:pt idx="477">
                  <c:v>213.51900000000001</c:v>
                </c:pt>
                <c:pt idx="478">
                  <c:v>213.33600000000001</c:v>
                </c:pt>
                <c:pt idx="479">
                  <c:v>214.34700000000001</c:v>
                </c:pt>
                <c:pt idx="480">
                  <c:v>213.62200000000001</c:v>
                </c:pt>
                <c:pt idx="481">
                  <c:v>213.17500000000001</c:v>
                </c:pt>
                <c:pt idx="482">
                  <c:v>213.08799999999999</c:v>
                </c:pt>
                <c:pt idx="483">
                  <c:v>212.422</c:v>
                </c:pt>
                <c:pt idx="484">
                  <c:v>213.999</c:v>
                </c:pt>
                <c:pt idx="485">
                  <c:v>212.785</c:v>
                </c:pt>
                <c:pt idx="486">
                  <c:v>214.012</c:v>
                </c:pt>
              </c:numCache>
            </c:numRef>
          </c:val>
          <c:smooth val="0"/>
          <c:extLst>
            <c:ext xmlns:c16="http://schemas.microsoft.com/office/drawing/2014/chart" uri="{C3380CC4-5D6E-409C-BE32-E72D297353CC}">
              <c16:uniqueId val="{00000000-D861-4F40-8DEA-B62D14404CFB}"/>
            </c:ext>
          </c:extLst>
        </c:ser>
        <c:dLbls>
          <c:showLegendKey val="0"/>
          <c:showVal val="0"/>
          <c:showCatName val="0"/>
          <c:showSerName val="0"/>
          <c:showPercent val="0"/>
          <c:showBubbleSize val="0"/>
        </c:dLbls>
        <c:smooth val="0"/>
        <c:axId val="1869668799"/>
        <c:axId val="1869669279"/>
      </c:lineChart>
      <c:catAx>
        <c:axId val="1869668799"/>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69669279"/>
        <c:crosses val="autoZero"/>
        <c:auto val="1"/>
        <c:lblAlgn val="ctr"/>
        <c:lblOffset val="100"/>
        <c:noMultiLvlLbl val="0"/>
      </c:catAx>
      <c:valAx>
        <c:axId val="1869669279"/>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6966879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Threads</a:t>
            </a:r>
            <a:r>
              <a:rPr lang="en-GB" baseline="0" dirty="0"/>
              <a:t> &amp; task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2_results_full!$B$1</c:f>
              <c:strCache>
                <c:ptCount val="1"/>
                <c:pt idx="0">
                  <c:v>8 threads</c:v>
                </c:pt>
              </c:strCache>
            </c:strRef>
          </c:tx>
          <c:spPr>
            <a:ln w="28575" cap="rnd">
              <a:solidFill>
                <a:schemeClr val="accent1"/>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B$2:$B$257</c:f>
              <c:numCache>
                <c:formatCode>General</c:formatCode>
                <c:ptCount val="256"/>
                <c:pt idx="0">
                  <c:v>1906.15</c:v>
                </c:pt>
                <c:pt idx="1">
                  <c:v>1043.03</c:v>
                </c:pt>
                <c:pt idx="2">
                  <c:v>732.05200000000002</c:v>
                </c:pt>
                <c:pt idx="3">
                  <c:v>591.29700000000003</c:v>
                </c:pt>
                <c:pt idx="4">
                  <c:v>471.67399999999998</c:v>
                </c:pt>
                <c:pt idx="5">
                  <c:v>407.43400000000003</c:v>
                </c:pt>
                <c:pt idx="6">
                  <c:v>366.63200000000001</c:v>
                </c:pt>
                <c:pt idx="7">
                  <c:v>351.28199999999998</c:v>
                </c:pt>
                <c:pt idx="8">
                  <c:v>395.75</c:v>
                </c:pt>
                <c:pt idx="9">
                  <c:v>402.97</c:v>
                </c:pt>
                <c:pt idx="10">
                  <c:v>389.76600000000002</c:v>
                </c:pt>
                <c:pt idx="11">
                  <c:v>371.56299999999999</c:v>
                </c:pt>
                <c:pt idx="12">
                  <c:v>365.75400000000002</c:v>
                </c:pt>
                <c:pt idx="13">
                  <c:v>356.85599999999999</c:v>
                </c:pt>
                <c:pt idx="14">
                  <c:v>336.31900000000002</c:v>
                </c:pt>
                <c:pt idx="15">
                  <c:v>324.84699999999998</c:v>
                </c:pt>
                <c:pt idx="16">
                  <c:v>350.53899999999999</c:v>
                </c:pt>
                <c:pt idx="17">
                  <c:v>372.04300000000001</c:v>
                </c:pt>
                <c:pt idx="18">
                  <c:v>374.62299999999999</c:v>
                </c:pt>
                <c:pt idx="19">
                  <c:v>355.90199999999999</c:v>
                </c:pt>
                <c:pt idx="20">
                  <c:v>350.54899999999998</c:v>
                </c:pt>
                <c:pt idx="21">
                  <c:v>341.74</c:v>
                </c:pt>
                <c:pt idx="22">
                  <c:v>335.99700000000001</c:v>
                </c:pt>
                <c:pt idx="23">
                  <c:v>324.24200000000002</c:v>
                </c:pt>
                <c:pt idx="24">
                  <c:v>324.32100000000003</c:v>
                </c:pt>
                <c:pt idx="25">
                  <c:v>367.76299999999998</c:v>
                </c:pt>
                <c:pt idx="26">
                  <c:v>361.37599999999998</c:v>
                </c:pt>
                <c:pt idx="27">
                  <c:v>359.85</c:v>
                </c:pt>
                <c:pt idx="28">
                  <c:v>352.24599999999998</c:v>
                </c:pt>
                <c:pt idx="29">
                  <c:v>343.42200000000003</c:v>
                </c:pt>
                <c:pt idx="30">
                  <c:v>344.31900000000002</c:v>
                </c:pt>
                <c:pt idx="31">
                  <c:v>329.45299999999997</c:v>
                </c:pt>
                <c:pt idx="32">
                  <c:v>338.16399999999999</c:v>
                </c:pt>
                <c:pt idx="33">
                  <c:v>330.51799999999997</c:v>
                </c:pt>
                <c:pt idx="34">
                  <c:v>350.834</c:v>
                </c:pt>
                <c:pt idx="35">
                  <c:v>345.90600000000001</c:v>
                </c:pt>
                <c:pt idx="36">
                  <c:v>336.21100000000001</c:v>
                </c:pt>
                <c:pt idx="37">
                  <c:v>336.67</c:v>
                </c:pt>
                <c:pt idx="38">
                  <c:v>337.32299999999998</c:v>
                </c:pt>
                <c:pt idx="39">
                  <c:v>332.62599999999998</c:v>
                </c:pt>
                <c:pt idx="40">
                  <c:v>333.30700000000002</c:v>
                </c:pt>
                <c:pt idx="41">
                  <c:v>326.89600000000002</c:v>
                </c:pt>
                <c:pt idx="42">
                  <c:v>327.14600000000002</c:v>
                </c:pt>
                <c:pt idx="43">
                  <c:v>342.34300000000002</c:v>
                </c:pt>
                <c:pt idx="44">
                  <c:v>339.53800000000001</c:v>
                </c:pt>
                <c:pt idx="45">
                  <c:v>339.05700000000002</c:v>
                </c:pt>
                <c:pt idx="46">
                  <c:v>342.089</c:v>
                </c:pt>
                <c:pt idx="47">
                  <c:v>327.35700000000003</c:v>
                </c:pt>
                <c:pt idx="48">
                  <c:v>323.54599999999999</c:v>
                </c:pt>
                <c:pt idx="49">
                  <c:v>324.94400000000002</c:v>
                </c:pt>
                <c:pt idx="50">
                  <c:v>333.851</c:v>
                </c:pt>
                <c:pt idx="51">
                  <c:v>325.17500000000001</c:v>
                </c:pt>
                <c:pt idx="52">
                  <c:v>325.7</c:v>
                </c:pt>
                <c:pt idx="53">
                  <c:v>336.11900000000003</c:v>
                </c:pt>
                <c:pt idx="54">
                  <c:v>336.25299999999999</c:v>
                </c:pt>
                <c:pt idx="55">
                  <c:v>332.98899999999998</c:v>
                </c:pt>
                <c:pt idx="56">
                  <c:v>331.20100000000002</c:v>
                </c:pt>
                <c:pt idx="57">
                  <c:v>332.577</c:v>
                </c:pt>
                <c:pt idx="58">
                  <c:v>334.64600000000002</c:v>
                </c:pt>
                <c:pt idx="59">
                  <c:v>334.02199999999999</c:v>
                </c:pt>
                <c:pt idx="60">
                  <c:v>333.01600000000002</c:v>
                </c:pt>
                <c:pt idx="61">
                  <c:v>334.43599999999998</c:v>
                </c:pt>
                <c:pt idx="62">
                  <c:v>335.31700000000001</c:v>
                </c:pt>
                <c:pt idx="63">
                  <c:v>334.71600000000001</c:v>
                </c:pt>
                <c:pt idx="64">
                  <c:v>334.59699999999998</c:v>
                </c:pt>
                <c:pt idx="65">
                  <c:v>334.65699999999998</c:v>
                </c:pt>
                <c:pt idx="66">
                  <c:v>333.89699999999999</c:v>
                </c:pt>
                <c:pt idx="67">
                  <c:v>334.51400000000001</c:v>
                </c:pt>
                <c:pt idx="68">
                  <c:v>331.48</c:v>
                </c:pt>
                <c:pt idx="69">
                  <c:v>332.08699999999999</c:v>
                </c:pt>
                <c:pt idx="70">
                  <c:v>332.47399999999999</c:v>
                </c:pt>
                <c:pt idx="71">
                  <c:v>336.05</c:v>
                </c:pt>
                <c:pt idx="72">
                  <c:v>331.53800000000001</c:v>
                </c:pt>
                <c:pt idx="73">
                  <c:v>331.43299999999999</c:v>
                </c:pt>
                <c:pt idx="74">
                  <c:v>334.46899999999999</c:v>
                </c:pt>
                <c:pt idx="75">
                  <c:v>332.5</c:v>
                </c:pt>
                <c:pt idx="76">
                  <c:v>332.24</c:v>
                </c:pt>
                <c:pt idx="77">
                  <c:v>332.19600000000003</c:v>
                </c:pt>
                <c:pt idx="78">
                  <c:v>333.23700000000002</c:v>
                </c:pt>
                <c:pt idx="79">
                  <c:v>326.08300000000003</c:v>
                </c:pt>
                <c:pt idx="80">
                  <c:v>325.51900000000001</c:v>
                </c:pt>
                <c:pt idx="81">
                  <c:v>327.76100000000002</c:v>
                </c:pt>
                <c:pt idx="82">
                  <c:v>325.892</c:v>
                </c:pt>
                <c:pt idx="83">
                  <c:v>326.18200000000002</c:v>
                </c:pt>
                <c:pt idx="84">
                  <c:v>322.99299999999999</c:v>
                </c:pt>
                <c:pt idx="85">
                  <c:v>325.125</c:v>
                </c:pt>
                <c:pt idx="86">
                  <c:v>325.767</c:v>
                </c:pt>
                <c:pt idx="87">
                  <c:v>331.84500000000003</c:v>
                </c:pt>
                <c:pt idx="88">
                  <c:v>325.834</c:v>
                </c:pt>
                <c:pt idx="89">
                  <c:v>327.47899999999998</c:v>
                </c:pt>
                <c:pt idx="90">
                  <c:v>326.33499999999998</c:v>
                </c:pt>
                <c:pt idx="91">
                  <c:v>327.41000000000003</c:v>
                </c:pt>
                <c:pt idx="92">
                  <c:v>322.09399999999999</c:v>
                </c:pt>
                <c:pt idx="93">
                  <c:v>339.303</c:v>
                </c:pt>
                <c:pt idx="94">
                  <c:v>327.065</c:v>
                </c:pt>
                <c:pt idx="95">
                  <c:v>326.553</c:v>
                </c:pt>
                <c:pt idx="96">
                  <c:v>325.07900000000001</c:v>
                </c:pt>
                <c:pt idx="97">
                  <c:v>326.73599999999999</c:v>
                </c:pt>
                <c:pt idx="98">
                  <c:v>324.32</c:v>
                </c:pt>
                <c:pt idx="99">
                  <c:v>329.596</c:v>
                </c:pt>
                <c:pt idx="100">
                  <c:v>325.25299999999999</c:v>
                </c:pt>
                <c:pt idx="101">
                  <c:v>324.95400000000001</c:v>
                </c:pt>
                <c:pt idx="102">
                  <c:v>325.94600000000003</c:v>
                </c:pt>
                <c:pt idx="103">
                  <c:v>326.33999999999997</c:v>
                </c:pt>
                <c:pt idx="104">
                  <c:v>327.94600000000003</c:v>
                </c:pt>
                <c:pt idx="105">
                  <c:v>324.98200000000003</c:v>
                </c:pt>
                <c:pt idx="106">
                  <c:v>326.68</c:v>
                </c:pt>
                <c:pt idx="107">
                  <c:v>328.09800000000001</c:v>
                </c:pt>
                <c:pt idx="108">
                  <c:v>325.05799999999999</c:v>
                </c:pt>
                <c:pt idx="109">
                  <c:v>323.11500000000001</c:v>
                </c:pt>
                <c:pt idx="110">
                  <c:v>324.35399999999998</c:v>
                </c:pt>
                <c:pt idx="111">
                  <c:v>324.10199999999998</c:v>
                </c:pt>
                <c:pt idx="112">
                  <c:v>331.38900000000001</c:v>
                </c:pt>
                <c:pt idx="113">
                  <c:v>325.18900000000002</c:v>
                </c:pt>
                <c:pt idx="114">
                  <c:v>322.49400000000003</c:v>
                </c:pt>
                <c:pt idx="115">
                  <c:v>338.06700000000001</c:v>
                </c:pt>
                <c:pt idx="116">
                  <c:v>329.065</c:v>
                </c:pt>
                <c:pt idx="117">
                  <c:v>321.72800000000001</c:v>
                </c:pt>
                <c:pt idx="118">
                  <c:v>323.25200000000001</c:v>
                </c:pt>
                <c:pt idx="119">
                  <c:v>323.77499999999998</c:v>
                </c:pt>
                <c:pt idx="120">
                  <c:v>323.541</c:v>
                </c:pt>
                <c:pt idx="121">
                  <c:v>324.14999999999998</c:v>
                </c:pt>
                <c:pt idx="122">
                  <c:v>325.49799999999999</c:v>
                </c:pt>
                <c:pt idx="123">
                  <c:v>324.27300000000002</c:v>
                </c:pt>
                <c:pt idx="124">
                  <c:v>322.00400000000002</c:v>
                </c:pt>
                <c:pt idx="125">
                  <c:v>324.10399999999998</c:v>
                </c:pt>
                <c:pt idx="126">
                  <c:v>330.447</c:v>
                </c:pt>
                <c:pt idx="127">
                  <c:v>323.25799999999998</c:v>
                </c:pt>
                <c:pt idx="128">
                  <c:v>325.459</c:v>
                </c:pt>
                <c:pt idx="129">
                  <c:v>321.96699999999998</c:v>
                </c:pt>
                <c:pt idx="130">
                  <c:v>323.97399999999999</c:v>
                </c:pt>
                <c:pt idx="131">
                  <c:v>324.35199999999998</c:v>
                </c:pt>
                <c:pt idx="132">
                  <c:v>324.11399999999998</c:v>
                </c:pt>
                <c:pt idx="133">
                  <c:v>326.36900000000003</c:v>
                </c:pt>
                <c:pt idx="134">
                  <c:v>324.45499999999998</c:v>
                </c:pt>
                <c:pt idx="135">
                  <c:v>322.01900000000001</c:v>
                </c:pt>
                <c:pt idx="136">
                  <c:v>327.19400000000002</c:v>
                </c:pt>
                <c:pt idx="137">
                  <c:v>324.31599999999997</c:v>
                </c:pt>
                <c:pt idx="138">
                  <c:v>325.58600000000001</c:v>
                </c:pt>
                <c:pt idx="139">
                  <c:v>324.85700000000003</c:v>
                </c:pt>
                <c:pt idx="140">
                  <c:v>322.24299999999999</c:v>
                </c:pt>
                <c:pt idx="141">
                  <c:v>329.83100000000002</c:v>
                </c:pt>
                <c:pt idx="142">
                  <c:v>322.00700000000001</c:v>
                </c:pt>
                <c:pt idx="143">
                  <c:v>325.45699999999999</c:v>
                </c:pt>
                <c:pt idx="144">
                  <c:v>323.61900000000003</c:v>
                </c:pt>
                <c:pt idx="145">
                  <c:v>325.95299999999997</c:v>
                </c:pt>
                <c:pt idx="146">
                  <c:v>330.30500000000001</c:v>
                </c:pt>
                <c:pt idx="147">
                  <c:v>325.16699999999997</c:v>
                </c:pt>
                <c:pt idx="148">
                  <c:v>324.60899999999998</c:v>
                </c:pt>
                <c:pt idx="149">
                  <c:v>328.45</c:v>
                </c:pt>
                <c:pt idx="150">
                  <c:v>328.46499999999997</c:v>
                </c:pt>
                <c:pt idx="151">
                  <c:v>322.21199999999999</c:v>
                </c:pt>
                <c:pt idx="152">
                  <c:v>322.33199999999999</c:v>
                </c:pt>
                <c:pt idx="153">
                  <c:v>330.17599999999999</c:v>
                </c:pt>
                <c:pt idx="154">
                  <c:v>327.21899999999999</c:v>
                </c:pt>
                <c:pt idx="155">
                  <c:v>324.74900000000002</c:v>
                </c:pt>
                <c:pt idx="156">
                  <c:v>337.45600000000002</c:v>
                </c:pt>
                <c:pt idx="157">
                  <c:v>355.58</c:v>
                </c:pt>
                <c:pt idx="158">
                  <c:v>331.67700000000002</c:v>
                </c:pt>
                <c:pt idx="159">
                  <c:v>348.78199999999998</c:v>
                </c:pt>
                <c:pt idx="160">
                  <c:v>326.113</c:v>
                </c:pt>
                <c:pt idx="161">
                  <c:v>324.22699999999998</c:v>
                </c:pt>
                <c:pt idx="162">
                  <c:v>323.39499999999998</c:v>
                </c:pt>
                <c:pt idx="163">
                  <c:v>321.38299999999998</c:v>
                </c:pt>
                <c:pt idx="164">
                  <c:v>324.952</c:v>
                </c:pt>
                <c:pt idx="165">
                  <c:v>322.56400000000002</c:v>
                </c:pt>
                <c:pt idx="166">
                  <c:v>328.87299999999999</c:v>
                </c:pt>
                <c:pt idx="167">
                  <c:v>324.27800000000002</c:v>
                </c:pt>
                <c:pt idx="168">
                  <c:v>323.06900000000002</c:v>
                </c:pt>
                <c:pt idx="169">
                  <c:v>322.851</c:v>
                </c:pt>
                <c:pt idx="170">
                  <c:v>323.02199999999999</c:v>
                </c:pt>
                <c:pt idx="171">
                  <c:v>325.142</c:v>
                </c:pt>
                <c:pt idx="172">
                  <c:v>324.00900000000001</c:v>
                </c:pt>
                <c:pt idx="173">
                  <c:v>330.52199999999999</c:v>
                </c:pt>
                <c:pt idx="174">
                  <c:v>323.01900000000001</c:v>
                </c:pt>
                <c:pt idx="175">
                  <c:v>325.88400000000001</c:v>
                </c:pt>
                <c:pt idx="176">
                  <c:v>322.78399999999999</c:v>
                </c:pt>
                <c:pt idx="177">
                  <c:v>324.89800000000002</c:v>
                </c:pt>
                <c:pt idx="178">
                  <c:v>322.93900000000002</c:v>
                </c:pt>
                <c:pt idx="179">
                  <c:v>323.97199999999998</c:v>
                </c:pt>
                <c:pt idx="180">
                  <c:v>323.14400000000001</c:v>
                </c:pt>
                <c:pt idx="181">
                  <c:v>321.50900000000001</c:v>
                </c:pt>
                <c:pt idx="182">
                  <c:v>322.24599999999998</c:v>
                </c:pt>
                <c:pt idx="183">
                  <c:v>324.27999999999997</c:v>
                </c:pt>
                <c:pt idx="184">
                  <c:v>321.88499999999999</c:v>
                </c:pt>
                <c:pt idx="185">
                  <c:v>323.791</c:v>
                </c:pt>
                <c:pt idx="186">
                  <c:v>322.56599999999997</c:v>
                </c:pt>
                <c:pt idx="187">
                  <c:v>326.86500000000001</c:v>
                </c:pt>
                <c:pt idx="188">
                  <c:v>324.38799999999998</c:v>
                </c:pt>
                <c:pt idx="189">
                  <c:v>324.43200000000002</c:v>
                </c:pt>
                <c:pt idx="190">
                  <c:v>331.14800000000002</c:v>
                </c:pt>
                <c:pt idx="191">
                  <c:v>322.92200000000003</c:v>
                </c:pt>
                <c:pt idx="192">
                  <c:v>324.64499999999998</c:v>
                </c:pt>
                <c:pt idx="193">
                  <c:v>323.99200000000002</c:v>
                </c:pt>
                <c:pt idx="194">
                  <c:v>321.44099999999997</c:v>
                </c:pt>
                <c:pt idx="195">
                  <c:v>321.51299999999998</c:v>
                </c:pt>
                <c:pt idx="196">
                  <c:v>324.17899999999997</c:v>
                </c:pt>
                <c:pt idx="197">
                  <c:v>323.16899999999998</c:v>
                </c:pt>
                <c:pt idx="198">
                  <c:v>325.78399999999999</c:v>
                </c:pt>
                <c:pt idx="199">
                  <c:v>325.87900000000002</c:v>
                </c:pt>
                <c:pt idx="200">
                  <c:v>323.77100000000002</c:v>
                </c:pt>
                <c:pt idx="201">
                  <c:v>324.24900000000002</c:v>
                </c:pt>
                <c:pt idx="202">
                  <c:v>322.80099999999999</c:v>
                </c:pt>
                <c:pt idx="203">
                  <c:v>323.98599999999999</c:v>
                </c:pt>
                <c:pt idx="204">
                  <c:v>326.07400000000001</c:v>
                </c:pt>
                <c:pt idx="205">
                  <c:v>323.77199999999999</c:v>
                </c:pt>
                <c:pt idx="206">
                  <c:v>324.33600000000001</c:v>
                </c:pt>
                <c:pt idx="207">
                  <c:v>326.93400000000003</c:v>
                </c:pt>
                <c:pt idx="208">
                  <c:v>325.55799999999999</c:v>
                </c:pt>
                <c:pt idx="209">
                  <c:v>324.43400000000003</c:v>
                </c:pt>
                <c:pt idx="210">
                  <c:v>323.45800000000003</c:v>
                </c:pt>
                <c:pt idx="211">
                  <c:v>321.63499999999999</c:v>
                </c:pt>
                <c:pt idx="212">
                  <c:v>328.39699999999999</c:v>
                </c:pt>
                <c:pt idx="213">
                  <c:v>329.30700000000002</c:v>
                </c:pt>
                <c:pt idx="214">
                  <c:v>322.77</c:v>
                </c:pt>
                <c:pt idx="215">
                  <c:v>326.14499999999998</c:v>
                </c:pt>
                <c:pt idx="216">
                  <c:v>324.27800000000002</c:v>
                </c:pt>
                <c:pt idx="217">
                  <c:v>327.90100000000001</c:v>
                </c:pt>
                <c:pt idx="218">
                  <c:v>323.34800000000001</c:v>
                </c:pt>
                <c:pt idx="219">
                  <c:v>325.334</c:v>
                </c:pt>
                <c:pt idx="220">
                  <c:v>328.13400000000001</c:v>
                </c:pt>
                <c:pt idx="221">
                  <c:v>323.15600000000001</c:v>
                </c:pt>
                <c:pt idx="222">
                  <c:v>323.73399999999998</c:v>
                </c:pt>
                <c:pt idx="223">
                  <c:v>324.70600000000002</c:v>
                </c:pt>
                <c:pt idx="224">
                  <c:v>324.137</c:v>
                </c:pt>
                <c:pt idx="225">
                  <c:v>326.13799999999998</c:v>
                </c:pt>
                <c:pt idx="226">
                  <c:v>334.40600000000001</c:v>
                </c:pt>
                <c:pt idx="227">
                  <c:v>346.31700000000001</c:v>
                </c:pt>
                <c:pt idx="228">
                  <c:v>331.07100000000003</c:v>
                </c:pt>
                <c:pt idx="229">
                  <c:v>324.25</c:v>
                </c:pt>
                <c:pt idx="230">
                  <c:v>329.98899999999998</c:v>
                </c:pt>
                <c:pt idx="231">
                  <c:v>324.99299999999999</c:v>
                </c:pt>
                <c:pt idx="232">
                  <c:v>323.54199999999997</c:v>
                </c:pt>
                <c:pt idx="233">
                  <c:v>325.31900000000002</c:v>
                </c:pt>
                <c:pt idx="234">
                  <c:v>326.91899999999998</c:v>
                </c:pt>
                <c:pt idx="235">
                  <c:v>321.88099999999997</c:v>
                </c:pt>
                <c:pt idx="236">
                  <c:v>322.423</c:v>
                </c:pt>
                <c:pt idx="237">
                  <c:v>325.12799999999999</c:v>
                </c:pt>
                <c:pt idx="238">
                  <c:v>325.57</c:v>
                </c:pt>
                <c:pt idx="239">
                  <c:v>328.56400000000002</c:v>
                </c:pt>
                <c:pt idx="240">
                  <c:v>321.774</c:v>
                </c:pt>
                <c:pt idx="241">
                  <c:v>324.72199999999998</c:v>
                </c:pt>
                <c:pt idx="242">
                  <c:v>325.52800000000002</c:v>
                </c:pt>
                <c:pt idx="243">
                  <c:v>324.77699999999999</c:v>
                </c:pt>
                <c:pt idx="244">
                  <c:v>323.56400000000002</c:v>
                </c:pt>
                <c:pt idx="245">
                  <c:v>326.35500000000002</c:v>
                </c:pt>
                <c:pt idx="246">
                  <c:v>324.42700000000002</c:v>
                </c:pt>
                <c:pt idx="247">
                  <c:v>328.05399999999997</c:v>
                </c:pt>
                <c:pt idx="248">
                  <c:v>322.24200000000002</c:v>
                </c:pt>
                <c:pt idx="249">
                  <c:v>323.64</c:v>
                </c:pt>
                <c:pt idx="250">
                  <c:v>326.20100000000002</c:v>
                </c:pt>
                <c:pt idx="251">
                  <c:v>327.71699999999998</c:v>
                </c:pt>
                <c:pt idx="252">
                  <c:v>323.04300000000001</c:v>
                </c:pt>
                <c:pt idx="253">
                  <c:v>322.62700000000001</c:v>
                </c:pt>
                <c:pt idx="254">
                  <c:v>323.79599999999999</c:v>
                </c:pt>
                <c:pt idx="255">
                  <c:v>321.52199999999999</c:v>
                </c:pt>
              </c:numCache>
            </c:numRef>
          </c:val>
          <c:smooth val="0"/>
          <c:extLst>
            <c:ext xmlns:c16="http://schemas.microsoft.com/office/drawing/2014/chart" uri="{C3380CC4-5D6E-409C-BE32-E72D297353CC}">
              <c16:uniqueId val="{00000000-EDFE-43AF-95BB-7A5591816394}"/>
            </c:ext>
          </c:extLst>
        </c:ser>
        <c:ser>
          <c:idx val="1"/>
          <c:order val="1"/>
          <c:tx>
            <c:strRef>
              <c:f>test_2_results_full!$C$1</c:f>
              <c:strCache>
                <c:ptCount val="1"/>
                <c:pt idx="0">
                  <c:v>16 thread</c:v>
                </c:pt>
              </c:strCache>
            </c:strRef>
          </c:tx>
          <c:spPr>
            <a:ln w="28575" cap="rnd">
              <a:solidFill>
                <a:schemeClr val="accent2"/>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C$2:$C$257</c:f>
              <c:numCache>
                <c:formatCode>General</c:formatCode>
                <c:ptCount val="256"/>
                <c:pt idx="0">
                  <c:v>1906.73</c:v>
                </c:pt>
                <c:pt idx="1">
                  <c:v>1047.03</c:v>
                </c:pt>
                <c:pt idx="2">
                  <c:v>728.8</c:v>
                </c:pt>
                <c:pt idx="3">
                  <c:v>595.36699999999996</c:v>
                </c:pt>
                <c:pt idx="4">
                  <c:v>474.20299999999997</c:v>
                </c:pt>
                <c:pt idx="5">
                  <c:v>410.95100000000002</c:v>
                </c:pt>
                <c:pt idx="6">
                  <c:v>367.96100000000001</c:v>
                </c:pt>
                <c:pt idx="7">
                  <c:v>350.18599999999998</c:v>
                </c:pt>
                <c:pt idx="8">
                  <c:v>337.50200000000001</c:v>
                </c:pt>
                <c:pt idx="9">
                  <c:v>328.45600000000002</c:v>
                </c:pt>
                <c:pt idx="10">
                  <c:v>303.06700000000001</c:v>
                </c:pt>
                <c:pt idx="11">
                  <c:v>292.94499999999999</c:v>
                </c:pt>
                <c:pt idx="12">
                  <c:v>291.60899999999998</c:v>
                </c:pt>
                <c:pt idx="13">
                  <c:v>288.74099999999999</c:v>
                </c:pt>
                <c:pt idx="14">
                  <c:v>275.12400000000002</c:v>
                </c:pt>
                <c:pt idx="15">
                  <c:v>269.464</c:v>
                </c:pt>
                <c:pt idx="16">
                  <c:v>266.60500000000002</c:v>
                </c:pt>
                <c:pt idx="17">
                  <c:v>288.86900000000003</c:v>
                </c:pt>
                <c:pt idx="18">
                  <c:v>294.34899999999999</c:v>
                </c:pt>
                <c:pt idx="19">
                  <c:v>288.649</c:v>
                </c:pt>
                <c:pt idx="20">
                  <c:v>284.072</c:v>
                </c:pt>
                <c:pt idx="21">
                  <c:v>277.06900000000002</c:v>
                </c:pt>
                <c:pt idx="22">
                  <c:v>273.601</c:v>
                </c:pt>
                <c:pt idx="23">
                  <c:v>268.54899999999998</c:v>
                </c:pt>
                <c:pt idx="24">
                  <c:v>267.16699999999997</c:v>
                </c:pt>
                <c:pt idx="25">
                  <c:v>263.60199999999998</c:v>
                </c:pt>
                <c:pt idx="26">
                  <c:v>265.10700000000003</c:v>
                </c:pt>
                <c:pt idx="27">
                  <c:v>269.61900000000003</c:v>
                </c:pt>
                <c:pt idx="28">
                  <c:v>263.375</c:v>
                </c:pt>
                <c:pt idx="29">
                  <c:v>254.477</c:v>
                </c:pt>
                <c:pt idx="30">
                  <c:v>256.11700000000002</c:v>
                </c:pt>
                <c:pt idx="31">
                  <c:v>251.40100000000001</c:v>
                </c:pt>
                <c:pt idx="32">
                  <c:v>250.465</c:v>
                </c:pt>
                <c:pt idx="33">
                  <c:v>251.8</c:v>
                </c:pt>
                <c:pt idx="34">
                  <c:v>260.053</c:v>
                </c:pt>
                <c:pt idx="35">
                  <c:v>263.72399999999999</c:v>
                </c:pt>
                <c:pt idx="36">
                  <c:v>261.81599999999997</c:v>
                </c:pt>
                <c:pt idx="37">
                  <c:v>256.82600000000002</c:v>
                </c:pt>
                <c:pt idx="38">
                  <c:v>258.13600000000002</c:v>
                </c:pt>
                <c:pt idx="39">
                  <c:v>257.28300000000002</c:v>
                </c:pt>
                <c:pt idx="40">
                  <c:v>256.57</c:v>
                </c:pt>
                <c:pt idx="41">
                  <c:v>259.53800000000001</c:v>
                </c:pt>
                <c:pt idx="42">
                  <c:v>256.22899999999998</c:v>
                </c:pt>
                <c:pt idx="43">
                  <c:v>251.63499999999999</c:v>
                </c:pt>
                <c:pt idx="44">
                  <c:v>253.565</c:v>
                </c:pt>
                <c:pt idx="45">
                  <c:v>250.74299999999999</c:v>
                </c:pt>
                <c:pt idx="46">
                  <c:v>252.364</c:v>
                </c:pt>
                <c:pt idx="47">
                  <c:v>254.809</c:v>
                </c:pt>
                <c:pt idx="48">
                  <c:v>252.12899999999999</c:v>
                </c:pt>
                <c:pt idx="49">
                  <c:v>253.221</c:v>
                </c:pt>
                <c:pt idx="50">
                  <c:v>252.65600000000001</c:v>
                </c:pt>
                <c:pt idx="51">
                  <c:v>250.55099999999999</c:v>
                </c:pt>
                <c:pt idx="52">
                  <c:v>253.905</c:v>
                </c:pt>
                <c:pt idx="53">
                  <c:v>250.42500000000001</c:v>
                </c:pt>
                <c:pt idx="54">
                  <c:v>253.744</c:v>
                </c:pt>
                <c:pt idx="55">
                  <c:v>252.315</c:v>
                </c:pt>
                <c:pt idx="56">
                  <c:v>249.334</c:v>
                </c:pt>
                <c:pt idx="57">
                  <c:v>253.292</c:v>
                </c:pt>
                <c:pt idx="58">
                  <c:v>258.13099999999997</c:v>
                </c:pt>
                <c:pt idx="59">
                  <c:v>248.19200000000001</c:v>
                </c:pt>
                <c:pt idx="60">
                  <c:v>250.893</c:v>
                </c:pt>
                <c:pt idx="61">
                  <c:v>248.178</c:v>
                </c:pt>
                <c:pt idx="62">
                  <c:v>250.27199999999999</c:v>
                </c:pt>
                <c:pt idx="63">
                  <c:v>249.56200000000001</c:v>
                </c:pt>
                <c:pt idx="64">
                  <c:v>247.59800000000001</c:v>
                </c:pt>
                <c:pt idx="65">
                  <c:v>249.04900000000001</c:v>
                </c:pt>
                <c:pt idx="66">
                  <c:v>252.37899999999999</c:v>
                </c:pt>
                <c:pt idx="67">
                  <c:v>250.40700000000001</c:v>
                </c:pt>
                <c:pt idx="68">
                  <c:v>244.53100000000001</c:v>
                </c:pt>
                <c:pt idx="69">
                  <c:v>248.905</c:v>
                </c:pt>
                <c:pt idx="70">
                  <c:v>249.726</c:v>
                </c:pt>
                <c:pt idx="71">
                  <c:v>247.13800000000001</c:v>
                </c:pt>
                <c:pt idx="72">
                  <c:v>247.05199999999999</c:v>
                </c:pt>
                <c:pt idx="73">
                  <c:v>245.821</c:v>
                </c:pt>
                <c:pt idx="74">
                  <c:v>246.143</c:v>
                </c:pt>
                <c:pt idx="75">
                  <c:v>245.81899999999999</c:v>
                </c:pt>
                <c:pt idx="76">
                  <c:v>248.548</c:v>
                </c:pt>
                <c:pt idx="77">
                  <c:v>245.31</c:v>
                </c:pt>
                <c:pt idx="78">
                  <c:v>247.553</c:v>
                </c:pt>
                <c:pt idx="79">
                  <c:v>245.673</c:v>
                </c:pt>
                <c:pt idx="80">
                  <c:v>245.68799999999999</c:v>
                </c:pt>
                <c:pt idx="81">
                  <c:v>246.18</c:v>
                </c:pt>
                <c:pt idx="82">
                  <c:v>246.85900000000001</c:v>
                </c:pt>
                <c:pt idx="83">
                  <c:v>246.49</c:v>
                </c:pt>
                <c:pt idx="84">
                  <c:v>245.66</c:v>
                </c:pt>
                <c:pt idx="85">
                  <c:v>246.083</c:v>
                </c:pt>
                <c:pt idx="86">
                  <c:v>243.90199999999999</c:v>
                </c:pt>
                <c:pt idx="87">
                  <c:v>246.77</c:v>
                </c:pt>
                <c:pt idx="88">
                  <c:v>245.95400000000001</c:v>
                </c:pt>
                <c:pt idx="89">
                  <c:v>245.64099999999999</c:v>
                </c:pt>
                <c:pt idx="90">
                  <c:v>245.727</c:v>
                </c:pt>
                <c:pt idx="91">
                  <c:v>245.74799999999999</c:v>
                </c:pt>
                <c:pt idx="92">
                  <c:v>257.89600000000002</c:v>
                </c:pt>
                <c:pt idx="93">
                  <c:v>246.10599999999999</c:v>
                </c:pt>
                <c:pt idx="94">
                  <c:v>246.28100000000001</c:v>
                </c:pt>
                <c:pt idx="95">
                  <c:v>248.154</c:v>
                </c:pt>
                <c:pt idx="96">
                  <c:v>244.97300000000001</c:v>
                </c:pt>
                <c:pt idx="97">
                  <c:v>246.173</c:v>
                </c:pt>
                <c:pt idx="98">
                  <c:v>248.393</c:v>
                </c:pt>
                <c:pt idx="99">
                  <c:v>245.68799999999999</c:v>
                </c:pt>
                <c:pt idx="100">
                  <c:v>244.048</c:v>
                </c:pt>
                <c:pt idx="101">
                  <c:v>243.899</c:v>
                </c:pt>
                <c:pt idx="102">
                  <c:v>242.64400000000001</c:v>
                </c:pt>
                <c:pt idx="103">
                  <c:v>281.50700000000001</c:v>
                </c:pt>
                <c:pt idx="104">
                  <c:v>245.85499999999999</c:v>
                </c:pt>
                <c:pt idx="105">
                  <c:v>244.75700000000001</c:v>
                </c:pt>
                <c:pt idx="106">
                  <c:v>244.11699999999999</c:v>
                </c:pt>
                <c:pt idx="107">
                  <c:v>245.2</c:v>
                </c:pt>
                <c:pt idx="108">
                  <c:v>244.589</c:v>
                </c:pt>
                <c:pt idx="109">
                  <c:v>244.97900000000001</c:v>
                </c:pt>
                <c:pt idx="110">
                  <c:v>244.773</c:v>
                </c:pt>
                <c:pt idx="111">
                  <c:v>245.155</c:v>
                </c:pt>
                <c:pt idx="112">
                  <c:v>247.39500000000001</c:v>
                </c:pt>
                <c:pt idx="113">
                  <c:v>244.75899999999999</c:v>
                </c:pt>
                <c:pt idx="114">
                  <c:v>245.71100000000001</c:v>
                </c:pt>
                <c:pt idx="115">
                  <c:v>243.15</c:v>
                </c:pt>
                <c:pt idx="116">
                  <c:v>246.21100000000001</c:v>
                </c:pt>
                <c:pt idx="117">
                  <c:v>244.27699999999999</c:v>
                </c:pt>
                <c:pt idx="118">
                  <c:v>243.39500000000001</c:v>
                </c:pt>
                <c:pt idx="119">
                  <c:v>243.459</c:v>
                </c:pt>
                <c:pt idx="120">
                  <c:v>244.35900000000001</c:v>
                </c:pt>
                <c:pt idx="121">
                  <c:v>241.43799999999999</c:v>
                </c:pt>
                <c:pt idx="122">
                  <c:v>242.45</c:v>
                </c:pt>
                <c:pt idx="123">
                  <c:v>241.91800000000001</c:v>
                </c:pt>
                <c:pt idx="124">
                  <c:v>242.16200000000001</c:v>
                </c:pt>
                <c:pt idx="125">
                  <c:v>241.93100000000001</c:v>
                </c:pt>
                <c:pt idx="126">
                  <c:v>242.56800000000001</c:v>
                </c:pt>
                <c:pt idx="127">
                  <c:v>243.63200000000001</c:v>
                </c:pt>
                <c:pt idx="128">
                  <c:v>242.35900000000001</c:v>
                </c:pt>
                <c:pt idx="129">
                  <c:v>240.99600000000001</c:v>
                </c:pt>
                <c:pt idx="130">
                  <c:v>242.447</c:v>
                </c:pt>
                <c:pt idx="131">
                  <c:v>242.62299999999999</c:v>
                </c:pt>
                <c:pt idx="132">
                  <c:v>242.107</c:v>
                </c:pt>
                <c:pt idx="133">
                  <c:v>241.89599999999999</c:v>
                </c:pt>
                <c:pt idx="134">
                  <c:v>243.51900000000001</c:v>
                </c:pt>
                <c:pt idx="135">
                  <c:v>243.69399999999999</c:v>
                </c:pt>
                <c:pt idx="136">
                  <c:v>242.22800000000001</c:v>
                </c:pt>
                <c:pt idx="137">
                  <c:v>243.857</c:v>
                </c:pt>
                <c:pt idx="138">
                  <c:v>241.56100000000001</c:v>
                </c:pt>
                <c:pt idx="139">
                  <c:v>242.52199999999999</c:v>
                </c:pt>
                <c:pt idx="140">
                  <c:v>241.495</c:v>
                </c:pt>
                <c:pt idx="141">
                  <c:v>242.73</c:v>
                </c:pt>
                <c:pt idx="142">
                  <c:v>241.988</c:v>
                </c:pt>
                <c:pt idx="143">
                  <c:v>241.10300000000001</c:v>
                </c:pt>
                <c:pt idx="144">
                  <c:v>243.01400000000001</c:v>
                </c:pt>
                <c:pt idx="145">
                  <c:v>241.43700000000001</c:v>
                </c:pt>
                <c:pt idx="146">
                  <c:v>241.827</c:v>
                </c:pt>
                <c:pt idx="147">
                  <c:v>243.32400000000001</c:v>
                </c:pt>
                <c:pt idx="148">
                  <c:v>241.67400000000001</c:v>
                </c:pt>
                <c:pt idx="149">
                  <c:v>242.89699999999999</c:v>
                </c:pt>
                <c:pt idx="150">
                  <c:v>241.857</c:v>
                </c:pt>
                <c:pt idx="151">
                  <c:v>242.63499999999999</c:v>
                </c:pt>
                <c:pt idx="152">
                  <c:v>245.51900000000001</c:v>
                </c:pt>
                <c:pt idx="153">
                  <c:v>248.62299999999999</c:v>
                </c:pt>
                <c:pt idx="154">
                  <c:v>243.43799999999999</c:v>
                </c:pt>
                <c:pt idx="155">
                  <c:v>241.67699999999999</c:v>
                </c:pt>
                <c:pt idx="156">
                  <c:v>250.405</c:v>
                </c:pt>
                <c:pt idx="157">
                  <c:v>246.012</c:v>
                </c:pt>
                <c:pt idx="158">
                  <c:v>241.33799999999999</c:v>
                </c:pt>
                <c:pt idx="159">
                  <c:v>242.57900000000001</c:v>
                </c:pt>
                <c:pt idx="160">
                  <c:v>240.61</c:v>
                </c:pt>
                <c:pt idx="161">
                  <c:v>241.619</c:v>
                </c:pt>
                <c:pt idx="162">
                  <c:v>241.40899999999999</c:v>
                </c:pt>
                <c:pt idx="163">
                  <c:v>240.35300000000001</c:v>
                </c:pt>
                <c:pt idx="164">
                  <c:v>239.51400000000001</c:v>
                </c:pt>
                <c:pt idx="165">
                  <c:v>240.017</c:v>
                </c:pt>
                <c:pt idx="166">
                  <c:v>240.95599999999999</c:v>
                </c:pt>
                <c:pt idx="167">
                  <c:v>240.25299999999999</c:v>
                </c:pt>
                <c:pt idx="168">
                  <c:v>240.697</c:v>
                </c:pt>
                <c:pt idx="169">
                  <c:v>239.827</c:v>
                </c:pt>
                <c:pt idx="170">
                  <c:v>240.54900000000001</c:v>
                </c:pt>
                <c:pt idx="171">
                  <c:v>241.404</c:v>
                </c:pt>
                <c:pt idx="172">
                  <c:v>242.34299999999999</c:v>
                </c:pt>
                <c:pt idx="173">
                  <c:v>248.958</c:v>
                </c:pt>
                <c:pt idx="174">
                  <c:v>240.90899999999999</c:v>
                </c:pt>
                <c:pt idx="175">
                  <c:v>241.44200000000001</c:v>
                </c:pt>
                <c:pt idx="176">
                  <c:v>240.88499999999999</c:v>
                </c:pt>
                <c:pt idx="177">
                  <c:v>239.74</c:v>
                </c:pt>
                <c:pt idx="178">
                  <c:v>239.476</c:v>
                </c:pt>
                <c:pt idx="179">
                  <c:v>239.64500000000001</c:v>
                </c:pt>
                <c:pt idx="180">
                  <c:v>241.613</c:v>
                </c:pt>
                <c:pt idx="181">
                  <c:v>243.255</c:v>
                </c:pt>
                <c:pt idx="182">
                  <c:v>240.79</c:v>
                </c:pt>
                <c:pt idx="183">
                  <c:v>240.839</c:v>
                </c:pt>
                <c:pt idx="184">
                  <c:v>240.34899999999999</c:v>
                </c:pt>
                <c:pt idx="185">
                  <c:v>240.256</c:v>
                </c:pt>
                <c:pt idx="186">
                  <c:v>241.52699999999999</c:v>
                </c:pt>
                <c:pt idx="187">
                  <c:v>243.14</c:v>
                </c:pt>
                <c:pt idx="188">
                  <c:v>241.078</c:v>
                </c:pt>
                <c:pt idx="189">
                  <c:v>241.483</c:v>
                </c:pt>
                <c:pt idx="190">
                  <c:v>240.47</c:v>
                </c:pt>
                <c:pt idx="191">
                  <c:v>241.02699999999999</c:v>
                </c:pt>
                <c:pt idx="192">
                  <c:v>241.25200000000001</c:v>
                </c:pt>
                <c:pt idx="193">
                  <c:v>241.50200000000001</c:v>
                </c:pt>
                <c:pt idx="194">
                  <c:v>240.57300000000001</c:v>
                </c:pt>
                <c:pt idx="195">
                  <c:v>239.39500000000001</c:v>
                </c:pt>
                <c:pt idx="196">
                  <c:v>243.42099999999999</c:v>
                </c:pt>
                <c:pt idx="197">
                  <c:v>240.21600000000001</c:v>
                </c:pt>
                <c:pt idx="198">
                  <c:v>239.79400000000001</c:v>
                </c:pt>
                <c:pt idx="199">
                  <c:v>240.58500000000001</c:v>
                </c:pt>
                <c:pt idx="200">
                  <c:v>241.44399999999999</c:v>
                </c:pt>
                <c:pt idx="201">
                  <c:v>240.453</c:v>
                </c:pt>
                <c:pt idx="202">
                  <c:v>242.49700000000001</c:v>
                </c:pt>
                <c:pt idx="203">
                  <c:v>239.26900000000001</c:v>
                </c:pt>
                <c:pt idx="204">
                  <c:v>249.38300000000001</c:v>
                </c:pt>
                <c:pt idx="205">
                  <c:v>241.56</c:v>
                </c:pt>
                <c:pt idx="206">
                  <c:v>240.00299999999999</c:v>
                </c:pt>
                <c:pt idx="207">
                  <c:v>241.643</c:v>
                </c:pt>
                <c:pt idx="208">
                  <c:v>240.16900000000001</c:v>
                </c:pt>
                <c:pt idx="209">
                  <c:v>240.96799999999999</c:v>
                </c:pt>
                <c:pt idx="210">
                  <c:v>240.71</c:v>
                </c:pt>
                <c:pt idx="211">
                  <c:v>243.30699999999999</c:v>
                </c:pt>
                <c:pt idx="212">
                  <c:v>241.38399999999999</c:v>
                </c:pt>
                <c:pt idx="213">
                  <c:v>240.33099999999999</c:v>
                </c:pt>
                <c:pt idx="214">
                  <c:v>240.51400000000001</c:v>
                </c:pt>
                <c:pt idx="215">
                  <c:v>240.12899999999999</c:v>
                </c:pt>
                <c:pt idx="216">
                  <c:v>241.53299999999999</c:v>
                </c:pt>
                <c:pt idx="217">
                  <c:v>242.785</c:v>
                </c:pt>
                <c:pt idx="218">
                  <c:v>240.46600000000001</c:v>
                </c:pt>
                <c:pt idx="219">
                  <c:v>241.85</c:v>
                </c:pt>
                <c:pt idx="220">
                  <c:v>241.39500000000001</c:v>
                </c:pt>
                <c:pt idx="221">
                  <c:v>240.74100000000001</c:v>
                </c:pt>
                <c:pt idx="222">
                  <c:v>241.37100000000001</c:v>
                </c:pt>
                <c:pt idx="223">
                  <c:v>240.87</c:v>
                </c:pt>
                <c:pt idx="224">
                  <c:v>243.51499999999999</c:v>
                </c:pt>
                <c:pt idx="225">
                  <c:v>240.173</c:v>
                </c:pt>
                <c:pt idx="226">
                  <c:v>240.953</c:v>
                </c:pt>
                <c:pt idx="227">
                  <c:v>248.70699999999999</c:v>
                </c:pt>
                <c:pt idx="228">
                  <c:v>241.85400000000001</c:v>
                </c:pt>
                <c:pt idx="229">
                  <c:v>240.43700000000001</c:v>
                </c:pt>
                <c:pt idx="230">
                  <c:v>242.36600000000001</c:v>
                </c:pt>
                <c:pt idx="231">
                  <c:v>239.226</c:v>
                </c:pt>
                <c:pt idx="232">
                  <c:v>241.40299999999999</c:v>
                </c:pt>
                <c:pt idx="233">
                  <c:v>242.197</c:v>
                </c:pt>
                <c:pt idx="234">
                  <c:v>241.56100000000001</c:v>
                </c:pt>
                <c:pt idx="235">
                  <c:v>241.02099999999999</c:v>
                </c:pt>
                <c:pt idx="236">
                  <c:v>240.59299999999999</c:v>
                </c:pt>
                <c:pt idx="237">
                  <c:v>240.547</c:v>
                </c:pt>
                <c:pt idx="238">
                  <c:v>242.37</c:v>
                </c:pt>
                <c:pt idx="239">
                  <c:v>238.35599999999999</c:v>
                </c:pt>
                <c:pt idx="240">
                  <c:v>239.16</c:v>
                </c:pt>
                <c:pt idx="241">
                  <c:v>240.69200000000001</c:v>
                </c:pt>
                <c:pt idx="242">
                  <c:v>242.02799999999999</c:v>
                </c:pt>
                <c:pt idx="243">
                  <c:v>238.65899999999999</c:v>
                </c:pt>
                <c:pt idx="244">
                  <c:v>238.75299999999999</c:v>
                </c:pt>
                <c:pt idx="245">
                  <c:v>238.47</c:v>
                </c:pt>
                <c:pt idx="246">
                  <c:v>239.29400000000001</c:v>
                </c:pt>
                <c:pt idx="247">
                  <c:v>241.071</c:v>
                </c:pt>
                <c:pt idx="248">
                  <c:v>240.09899999999999</c:v>
                </c:pt>
                <c:pt idx="249">
                  <c:v>238.965</c:v>
                </c:pt>
                <c:pt idx="250">
                  <c:v>238.429</c:v>
                </c:pt>
                <c:pt idx="251">
                  <c:v>238.744</c:v>
                </c:pt>
                <c:pt idx="252">
                  <c:v>238.45099999999999</c:v>
                </c:pt>
                <c:pt idx="253">
                  <c:v>240.785</c:v>
                </c:pt>
                <c:pt idx="254">
                  <c:v>239.334</c:v>
                </c:pt>
                <c:pt idx="255">
                  <c:v>239.53299999999999</c:v>
                </c:pt>
              </c:numCache>
            </c:numRef>
          </c:val>
          <c:smooth val="0"/>
          <c:extLst>
            <c:ext xmlns:c16="http://schemas.microsoft.com/office/drawing/2014/chart" uri="{C3380CC4-5D6E-409C-BE32-E72D297353CC}">
              <c16:uniqueId val="{00000001-EDFE-43AF-95BB-7A5591816394}"/>
            </c:ext>
          </c:extLst>
        </c:ser>
        <c:ser>
          <c:idx val="2"/>
          <c:order val="2"/>
          <c:tx>
            <c:strRef>
              <c:f>test_2_results_full!$D$1</c:f>
              <c:strCache>
                <c:ptCount val="1"/>
                <c:pt idx="0">
                  <c:v>32 threads</c:v>
                </c:pt>
              </c:strCache>
            </c:strRef>
          </c:tx>
          <c:spPr>
            <a:ln w="28575" cap="rnd">
              <a:solidFill>
                <a:schemeClr val="accent3"/>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D$2:$D$257</c:f>
              <c:numCache>
                <c:formatCode>General</c:formatCode>
                <c:ptCount val="256"/>
                <c:pt idx="0">
                  <c:v>1913.02</c:v>
                </c:pt>
                <c:pt idx="1">
                  <c:v>1049</c:v>
                </c:pt>
                <c:pt idx="2">
                  <c:v>732.18299999999999</c:v>
                </c:pt>
                <c:pt idx="3">
                  <c:v>589.27300000000002</c:v>
                </c:pt>
                <c:pt idx="4">
                  <c:v>475.63799999999998</c:v>
                </c:pt>
                <c:pt idx="5">
                  <c:v>409.95400000000001</c:v>
                </c:pt>
                <c:pt idx="6">
                  <c:v>366.875</c:v>
                </c:pt>
                <c:pt idx="7">
                  <c:v>343.21499999999997</c:v>
                </c:pt>
                <c:pt idx="8">
                  <c:v>338.20100000000002</c:v>
                </c:pt>
                <c:pt idx="9">
                  <c:v>324.64699999999999</c:v>
                </c:pt>
                <c:pt idx="10">
                  <c:v>314.61799999999999</c:v>
                </c:pt>
                <c:pt idx="11">
                  <c:v>307.70999999999998</c:v>
                </c:pt>
                <c:pt idx="12">
                  <c:v>292.62099999999998</c:v>
                </c:pt>
                <c:pt idx="13">
                  <c:v>282.11799999999999</c:v>
                </c:pt>
                <c:pt idx="14">
                  <c:v>271.92099999999999</c:v>
                </c:pt>
                <c:pt idx="15">
                  <c:v>276.99200000000002</c:v>
                </c:pt>
                <c:pt idx="16">
                  <c:v>268.29300000000001</c:v>
                </c:pt>
                <c:pt idx="17">
                  <c:v>264.70699999999999</c:v>
                </c:pt>
                <c:pt idx="18">
                  <c:v>267.76100000000002</c:v>
                </c:pt>
                <c:pt idx="19">
                  <c:v>256.89499999999998</c:v>
                </c:pt>
                <c:pt idx="20">
                  <c:v>246.274</c:v>
                </c:pt>
                <c:pt idx="21">
                  <c:v>240.499</c:v>
                </c:pt>
                <c:pt idx="22">
                  <c:v>239.24299999999999</c:v>
                </c:pt>
                <c:pt idx="23">
                  <c:v>240.00299999999999</c:v>
                </c:pt>
                <c:pt idx="24">
                  <c:v>232.32400000000001</c:v>
                </c:pt>
                <c:pt idx="25">
                  <c:v>233.601</c:v>
                </c:pt>
                <c:pt idx="26">
                  <c:v>229.91900000000001</c:v>
                </c:pt>
                <c:pt idx="27">
                  <c:v>231.703</c:v>
                </c:pt>
                <c:pt idx="28">
                  <c:v>226.57900000000001</c:v>
                </c:pt>
                <c:pt idx="29">
                  <c:v>228.62</c:v>
                </c:pt>
                <c:pt idx="30">
                  <c:v>226.59200000000001</c:v>
                </c:pt>
                <c:pt idx="31">
                  <c:v>224.55500000000001</c:v>
                </c:pt>
                <c:pt idx="32">
                  <c:v>225.32900000000001</c:v>
                </c:pt>
                <c:pt idx="33">
                  <c:v>228.11500000000001</c:v>
                </c:pt>
                <c:pt idx="34">
                  <c:v>232.99700000000001</c:v>
                </c:pt>
                <c:pt idx="35">
                  <c:v>229.571</c:v>
                </c:pt>
                <c:pt idx="36">
                  <c:v>232.63200000000001</c:v>
                </c:pt>
                <c:pt idx="37">
                  <c:v>231.54900000000001</c:v>
                </c:pt>
                <c:pt idx="38">
                  <c:v>231.34200000000001</c:v>
                </c:pt>
                <c:pt idx="39">
                  <c:v>230.34299999999999</c:v>
                </c:pt>
                <c:pt idx="40">
                  <c:v>230.399</c:v>
                </c:pt>
                <c:pt idx="41">
                  <c:v>231.98</c:v>
                </c:pt>
                <c:pt idx="42">
                  <c:v>229.99799999999999</c:v>
                </c:pt>
                <c:pt idx="43">
                  <c:v>227.523</c:v>
                </c:pt>
                <c:pt idx="44">
                  <c:v>227.49100000000001</c:v>
                </c:pt>
                <c:pt idx="45">
                  <c:v>227.83699999999999</c:v>
                </c:pt>
                <c:pt idx="46">
                  <c:v>230.304</c:v>
                </c:pt>
                <c:pt idx="47">
                  <c:v>223.06700000000001</c:v>
                </c:pt>
                <c:pt idx="48">
                  <c:v>222.87100000000001</c:v>
                </c:pt>
                <c:pt idx="49">
                  <c:v>222.64400000000001</c:v>
                </c:pt>
                <c:pt idx="50">
                  <c:v>222.21</c:v>
                </c:pt>
                <c:pt idx="51">
                  <c:v>222.036</c:v>
                </c:pt>
                <c:pt idx="52">
                  <c:v>223.756</c:v>
                </c:pt>
                <c:pt idx="53">
                  <c:v>219.09899999999999</c:v>
                </c:pt>
                <c:pt idx="54">
                  <c:v>220.376</c:v>
                </c:pt>
                <c:pt idx="55">
                  <c:v>220.21</c:v>
                </c:pt>
                <c:pt idx="56">
                  <c:v>219.24199999999999</c:v>
                </c:pt>
                <c:pt idx="57">
                  <c:v>219.44900000000001</c:v>
                </c:pt>
                <c:pt idx="58">
                  <c:v>218.357</c:v>
                </c:pt>
                <c:pt idx="59">
                  <c:v>218.512</c:v>
                </c:pt>
                <c:pt idx="60">
                  <c:v>217.006</c:v>
                </c:pt>
                <c:pt idx="61">
                  <c:v>218.12</c:v>
                </c:pt>
                <c:pt idx="62">
                  <c:v>216.87</c:v>
                </c:pt>
                <c:pt idx="63">
                  <c:v>217.38</c:v>
                </c:pt>
                <c:pt idx="64">
                  <c:v>218.23500000000001</c:v>
                </c:pt>
                <c:pt idx="65">
                  <c:v>216.22300000000001</c:v>
                </c:pt>
                <c:pt idx="66">
                  <c:v>217.798</c:v>
                </c:pt>
                <c:pt idx="67">
                  <c:v>216.934</c:v>
                </c:pt>
                <c:pt idx="68">
                  <c:v>220.53299999999999</c:v>
                </c:pt>
                <c:pt idx="69">
                  <c:v>220.42699999999999</c:v>
                </c:pt>
                <c:pt idx="70">
                  <c:v>220.13499999999999</c:v>
                </c:pt>
                <c:pt idx="71">
                  <c:v>219.87100000000001</c:v>
                </c:pt>
                <c:pt idx="72">
                  <c:v>219.345</c:v>
                </c:pt>
                <c:pt idx="73">
                  <c:v>220.399</c:v>
                </c:pt>
                <c:pt idx="74">
                  <c:v>224.41800000000001</c:v>
                </c:pt>
                <c:pt idx="75">
                  <c:v>219.89500000000001</c:v>
                </c:pt>
                <c:pt idx="76">
                  <c:v>219.17599999999999</c:v>
                </c:pt>
                <c:pt idx="77">
                  <c:v>220.52699999999999</c:v>
                </c:pt>
                <c:pt idx="78">
                  <c:v>219.797</c:v>
                </c:pt>
                <c:pt idx="79">
                  <c:v>219.46</c:v>
                </c:pt>
                <c:pt idx="80">
                  <c:v>218.21299999999999</c:v>
                </c:pt>
                <c:pt idx="81">
                  <c:v>218.15</c:v>
                </c:pt>
                <c:pt idx="82">
                  <c:v>219.44800000000001</c:v>
                </c:pt>
                <c:pt idx="83">
                  <c:v>218.90199999999999</c:v>
                </c:pt>
                <c:pt idx="84">
                  <c:v>218.95</c:v>
                </c:pt>
                <c:pt idx="85">
                  <c:v>217.26</c:v>
                </c:pt>
                <c:pt idx="86">
                  <c:v>217.85</c:v>
                </c:pt>
                <c:pt idx="87">
                  <c:v>219.82400000000001</c:v>
                </c:pt>
                <c:pt idx="88">
                  <c:v>216.73099999999999</c:v>
                </c:pt>
                <c:pt idx="89">
                  <c:v>218.81700000000001</c:v>
                </c:pt>
                <c:pt idx="90">
                  <c:v>217.92699999999999</c:v>
                </c:pt>
                <c:pt idx="91">
                  <c:v>219.124</c:v>
                </c:pt>
                <c:pt idx="92">
                  <c:v>227.393</c:v>
                </c:pt>
                <c:pt idx="93">
                  <c:v>218.12</c:v>
                </c:pt>
                <c:pt idx="94">
                  <c:v>218.33600000000001</c:v>
                </c:pt>
                <c:pt idx="95">
                  <c:v>217.96700000000001</c:v>
                </c:pt>
                <c:pt idx="96">
                  <c:v>217.85300000000001</c:v>
                </c:pt>
                <c:pt idx="97">
                  <c:v>217.96</c:v>
                </c:pt>
                <c:pt idx="98">
                  <c:v>217.73099999999999</c:v>
                </c:pt>
                <c:pt idx="99">
                  <c:v>219.381</c:v>
                </c:pt>
                <c:pt idx="100">
                  <c:v>216.68100000000001</c:v>
                </c:pt>
                <c:pt idx="101">
                  <c:v>219.20599999999999</c:v>
                </c:pt>
                <c:pt idx="102">
                  <c:v>216.18100000000001</c:v>
                </c:pt>
                <c:pt idx="103">
                  <c:v>218.3</c:v>
                </c:pt>
                <c:pt idx="104">
                  <c:v>218.51400000000001</c:v>
                </c:pt>
                <c:pt idx="105">
                  <c:v>218.21199999999999</c:v>
                </c:pt>
                <c:pt idx="106">
                  <c:v>217.26</c:v>
                </c:pt>
                <c:pt idx="107">
                  <c:v>217.398</c:v>
                </c:pt>
                <c:pt idx="108">
                  <c:v>216.68100000000001</c:v>
                </c:pt>
                <c:pt idx="109">
                  <c:v>216.78100000000001</c:v>
                </c:pt>
                <c:pt idx="110">
                  <c:v>216.928</c:v>
                </c:pt>
                <c:pt idx="111">
                  <c:v>217.37700000000001</c:v>
                </c:pt>
                <c:pt idx="112">
                  <c:v>217.47300000000001</c:v>
                </c:pt>
                <c:pt idx="113">
                  <c:v>217.92099999999999</c:v>
                </c:pt>
                <c:pt idx="114">
                  <c:v>217.33500000000001</c:v>
                </c:pt>
                <c:pt idx="115">
                  <c:v>217.62299999999999</c:v>
                </c:pt>
                <c:pt idx="116">
                  <c:v>217.148</c:v>
                </c:pt>
                <c:pt idx="117">
                  <c:v>216.38499999999999</c:v>
                </c:pt>
                <c:pt idx="118">
                  <c:v>218.48599999999999</c:v>
                </c:pt>
                <c:pt idx="119">
                  <c:v>216.89699999999999</c:v>
                </c:pt>
                <c:pt idx="120">
                  <c:v>216.667</c:v>
                </c:pt>
                <c:pt idx="121">
                  <c:v>216.33500000000001</c:v>
                </c:pt>
                <c:pt idx="122">
                  <c:v>215.72</c:v>
                </c:pt>
                <c:pt idx="123">
                  <c:v>214.959</c:v>
                </c:pt>
                <c:pt idx="124">
                  <c:v>217.221</c:v>
                </c:pt>
                <c:pt idx="125">
                  <c:v>215.09200000000001</c:v>
                </c:pt>
                <c:pt idx="126">
                  <c:v>216.22</c:v>
                </c:pt>
                <c:pt idx="127">
                  <c:v>215.60499999999999</c:v>
                </c:pt>
                <c:pt idx="128">
                  <c:v>215.73</c:v>
                </c:pt>
                <c:pt idx="129">
                  <c:v>215.21700000000001</c:v>
                </c:pt>
                <c:pt idx="130">
                  <c:v>215.33199999999999</c:v>
                </c:pt>
                <c:pt idx="131">
                  <c:v>214.50800000000001</c:v>
                </c:pt>
                <c:pt idx="132">
                  <c:v>215.68299999999999</c:v>
                </c:pt>
                <c:pt idx="133">
                  <c:v>215.33</c:v>
                </c:pt>
                <c:pt idx="134">
                  <c:v>215.26599999999999</c:v>
                </c:pt>
                <c:pt idx="135">
                  <c:v>217.196</c:v>
                </c:pt>
                <c:pt idx="136">
                  <c:v>214.601</c:v>
                </c:pt>
                <c:pt idx="137">
                  <c:v>215.679</c:v>
                </c:pt>
                <c:pt idx="138">
                  <c:v>215.488</c:v>
                </c:pt>
                <c:pt idx="139">
                  <c:v>216.16399999999999</c:v>
                </c:pt>
                <c:pt idx="140">
                  <c:v>215.45099999999999</c:v>
                </c:pt>
                <c:pt idx="141">
                  <c:v>215.268</c:v>
                </c:pt>
                <c:pt idx="142">
                  <c:v>214.57</c:v>
                </c:pt>
                <c:pt idx="143">
                  <c:v>215.733</c:v>
                </c:pt>
                <c:pt idx="144">
                  <c:v>214.762</c:v>
                </c:pt>
                <c:pt idx="145">
                  <c:v>217.07499999999999</c:v>
                </c:pt>
                <c:pt idx="146">
                  <c:v>215.09399999999999</c:v>
                </c:pt>
                <c:pt idx="147">
                  <c:v>215.59</c:v>
                </c:pt>
                <c:pt idx="148">
                  <c:v>215.52699999999999</c:v>
                </c:pt>
                <c:pt idx="149">
                  <c:v>215.363</c:v>
                </c:pt>
                <c:pt idx="150">
                  <c:v>215.27600000000001</c:v>
                </c:pt>
                <c:pt idx="151">
                  <c:v>215.17400000000001</c:v>
                </c:pt>
                <c:pt idx="152">
                  <c:v>220.71199999999999</c:v>
                </c:pt>
                <c:pt idx="153">
                  <c:v>217.02699999999999</c:v>
                </c:pt>
                <c:pt idx="154">
                  <c:v>215.714</c:v>
                </c:pt>
                <c:pt idx="155">
                  <c:v>218.983</c:v>
                </c:pt>
                <c:pt idx="156">
                  <c:v>219.32400000000001</c:v>
                </c:pt>
                <c:pt idx="157">
                  <c:v>215.21199999999999</c:v>
                </c:pt>
                <c:pt idx="158">
                  <c:v>216.56899999999999</c:v>
                </c:pt>
                <c:pt idx="159">
                  <c:v>213.48400000000001</c:v>
                </c:pt>
                <c:pt idx="160">
                  <c:v>214.31100000000001</c:v>
                </c:pt>
                <c:pt idx="161">
                  <c:v>216.536</c:v>
                </c:pt>
                <c:pt idx="162">
                  <c:v>214.83699999999999</c:v>
                </c:pt>
                <c:pt idx="163">
                  <c:v>214.98699999999999</c:v>
                </c:pt>
                <c:pt idx="164">
                  <c:v>212.81700000000001</c:v>
                </c:pt>
                <c:pt idx="165">
                  <c:v>213.78200000000001</c:v>
                </c:pt>
                <c:pt idx="166">
                  <c:v>213.87</c:v>
                </c:pt>
                <c:pt idx="167">
                  <c:v>213.06800000000001</c:v>
                </c:pt>
                <c:pt idx="168">
                  <c:v>213.57</c:v>
                </c:pt>
                <c:pt idx="169">
                  <c:v>213.011</c:v>
                </c:pt>
                <c:pt idx="170">
                  <c:v>214.21799999999999</c:v>
                </c:pt>
                <c:pt idx="171">
                  <c:v>213.84899999999999</c:v>
                </c:pt>
                <c:pt idx="172">
                  <c:v>214.31800000000001</c:v>
                </c:pt>
                <c:pt idx="173">
                  <c:v>213.65899999999999</c:v>
                </c:pt>
                <c:pt idx="174">
                  <c:v>214.41499999999999</c:v>
                </c:pt>
                <c:pt idx="175">
                  <c:v>218.376</c:v>
                </c:pt>
                <c:pt idx="176">
                  <c:v>214.04400000000001</c:v>
                </c:pt>
                <c:pt idx="177">
                  <c:v>213.90299999999999</c:v>
                </c:pt>
                <c:pt idx="178">
                  <c:v>214.02</c:v>
                </c:pt>
                <c:pt idx="179">
                  <c:v>214.7</c:v>
                </c:pt>
                <c:pt idx="180">
                  <c:v>213.43700000000001</c:v>
                </c:pt>
                <c:pt idx="181">
                  <c:v>214.73599999999999</c:v>
                </c:pt>
                <c:pt idx="182">
                  <c:v>213.52600000000001</c:v>
                </c:pt>
                <c:pt idx="183">
                  <c:v>214.72800000000001</c:v>
                </c:pt>
                <c:pt idx="184">
                  <c:v>213.74100000000001</c:v>
                </c:pt>
                <c:pt idx="185">
                  <c:v>214.41</c:v>
                </c:pt>
                <c:pt idx="186">
                  <c:v>214.48599999999999</c:v>
                </c:pt>
                <c:pt idx="187">
                  <c:v>213.614</c:v>
                </c:pt>
                <c:pt idx="188">
                  <c:v>214.05099999999999</c:v>
                </c:pt>
                <c:pt idx="189">
                  <c:v>214.02799999999999</c:v>
                </c:pt>
                <c:pt idx="190">
                  <c:v>213.98599999999999</c:v>
                </c:pt>
                <c:pt idx="191">
                  <c:v>216.09</c:v>
                </c:pt>
                <c:pt idx="192">
                  <c:v>214.24600000000001</c:v>
                </c:pt>
                <c:pt idx="193">
                  <c:v>213.42500000000001</c:v>
                </c:pt>
                <c:pt idx="194">
                  <c:v>216.66800000000001</c:v>
                </c:pt>
                <c:pt idx="195">
                  <c:v>214.661</c:v>
                </c:pt>
                <c:pt idx="196">
                  <c:v>213.63900000000001</c:v>
                </c:pt>
                <c:pt idx="197">
                  <c:v>214.423</c:v>
                </c:pt>
                <c:pt idx="198">
                  <c:v>215.08799999999999</c:v>
                </c:pt>
                <c:pt idx="199">
                  <c:v>214.172</c:v>
                </c:pt>
                <c:pt idx="200">
                  <c:v>214.37200000000001</c:v>
                </c:pt>
                <c:pt idx="201">
                  <c:v>213.614</c:v>
                </c:pt>
                <c:pt idx="202">
                  <c:v>214.29</c:v>
                </c:pt>
                <c:pt idx="203">
                  <c:v>215.148</c:v>
                </c:pt>
                <c:pt idx="204">
                  <c:v>214.90299999999999</c:v>
                </c:pt>
                <c:pt idx="205">
                  <c:v>213.673</c:v>
                </c:pt>
                <c:pt idx="206">
                  <c:v>216.62899999999999</c:v>
                </c:pt>
                <c:pt idx="207">
                  <c:v>214.37100000000001</c:v>
                </c:pt>
                <c:pt idx="208">
                  <c:v>213.32400000000001</c:v>
                </c:pt>
                <c:pt idx="209">
                  <c:v>213.93899999999999</c:v>
                </c:pt>
                <c:pt idx="210">
                  <c:v>213.648</c:v>
                </c:pt>
                <c:pt idx="211">
                  <c:v>218.542</c:v>
                </c:pt>
                <c:pt idx="212">
                  <c:v>214.232</c:v>
                </c:pt>
                <c:pt idx="213">
                  <c:v>213.97</c:v>
                </c:pt>
                <c:pt idx="214">
                  <c:v>215.12299999999999</c:v>
                </c:pt>
                <c:pt idx="215">
                  <c:v>214.61600000000001</c:v>
                </c:pt>
                <c:pt idx="216">
                  <c:v>214.45699999999999</c:v>
                </c:pt>
                <c:pt idx="217">
                  <c:v>214.62200000000001</c:v>
                </c:pt>
                <c:pt idx="218">
                  <c:v>214.47499999999999</c:v>
                </c:pt>
                <c:pt idx="219">
                  <c:v>213.73099999999999</c:v>
                </c:pt>
                <c:pt idx="220">
                  <c:v>215.54900000000001</c:v>
                </c:pt>
                <c:pt idx="221">
                  <c:v>215.07</c:v>
                </c:pt>
                <c:pt idx="222">
                  <c:v>214.24199999999999</c:v>
                </c:pt>
                <c:pt idx="223">
                  <c:v>214.33799999999999</c:v>
                </c:pt>
                <c:pt idx="224">
                  <c:v>213.81800000000001</c:v>
                </c:pt>
                <c:pt idx="225">
                  <c:v>213.923</c:v>
                </c:pt>
                <c:pt idx="226">
                  <c:v>213.92699999999999</c:v>
                </c:pt>
                <c:pt idx="227">
                  <c:v>216.36799999999999</c:v>
                </c:pt>
                <c:pt idx="228">
                  <c:v>213.078</c:v>
                </c:pt>
                <c:pt idx="229">
                  <c:v>213.65100000000001</c:v>
                </c:pt>
                <c:pt idx="230">
                  <c:v>214.273</c:v>
                </c:pt>
                <c:pt idx="231">
                  <c:v>214.37700000000001</c:v>
                </c:pt>
                <c:pt idx="232">
                  <c:v>214.33500000000001</c:v>
                </c:pt>
                <c:pt idx="233">
                  <c:v>213.76499999999999</c:v>
                </c:pt>
                <c:pt idx="234">
                  <c:v>214.65799999999999</c:v>
                </c:pt>
                <c:pt idx="235">
                  <c:v>213.15799999999999</c:v>
                </c:pt>
                <c:pt idx="236">
                  <c:v>213.93</c:v>
                </c:pt>
                <c:pt idx="237">
                  <c:v>217.06100000000001</c:v>
                </c:pt>
                <c:pt idx="238">
                  <c:v>213.21100000000001</c:v>
                </c:pt>
                <c:pt idx="239">
                  <c:v>213.23599999999999</c:v>
                </c:pt>
                <c:pt idx="240">
                  <c:v>212.62100000000001</c:v>
                </c:pt>
                <c:pt idx="241">
                  <c:v>212.60400000000001</c:v>
                </c:pt>
                <c:pt idx="242">
                  <c:v>216.12899999999999</c:v>
                </c:pt>
                <c:pt idx="243">
                  <c:v>212.72900000000001</c:v>
                </c:pt>
                <c:pt idx="244">
                  <c:v>213.82499999999999</c:v>
                </c:pt>
                <c:pt idx="245">
                  <c:v>213.239</c:v>
                </c:pt>
                <c:pt idx="246">
                  <c:v>211.84800000000001</c:v>
                </c:pt>
                <c:pt idx="247">
                  <c:v>212.81899999999999</c:v>
                </c:pt>
                <c:pt idx="248">
                  <c:v>212.375</c:v>
                </c:pt>
                <c:pt idx="249">
                  <c:v>212.624</c:v>
                </c:pt>
                <c:pt idx="250">
                  <c:v>213.47399999999999</c:v>
                </c:pt>
                <c:pt idx="251">
                  <c:v>212.501</c:v>
                </c:pt>
                <c:pt idx="252">
                  <c:v>212.441</c:v>
                </c:pt>
                <c:pt idx="253">
                  <c:v>213.56100000000001</c:v>
                </c:pt>
                <c:pt idx="254">
                  <c:v>212.82300000000001</c:v>
                </c:pt>
                <c:pt idx="255">
                  <c:v>213.78299999999999</c:v>
                </c:pt>
              </c:numCache>
            </c:numRef>
          </c:val>
          <c:smooth val="0"/>
          <c:extLst>
            <c:ext xmlns:c16="http://schemas.microsoft.com/office/drawing/2014/chart" uri="{C3380CC4-5D6E-409C-BE32-E72D297353CC}">
              <c16:uniqueId val="{00000002-EDFE-43AF-95BB-7A5591816394}"/>
            </c:ext>
          </c:extLst>
        </c:ser>
        <c:ser>
          <c:idx val="3"/>
          <c:order val="3"/>
          <c:tx>
            <c:strRef>
              <c:f>test_2_results_full!$E$1</c:f>
              <c:strCache>
                <c:ptCount val="1"/>
                <c:pt idx="0">
                  <c:v>64 threads</c:v>
                </c:pt>
              </c:strCache>
            </c:strRef>
          </c:tx>
          <c:spPr>
            <a:ln w="28575" cap="rnd">
              <a:solidFill>
                <a:schemeClr val="accent4"/>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E$2:$E$257</c:f>
              <c:numCache>
                <c:formatCode>General</c:formatCode>
                <c:ptCount val="256"/>
                <c:pt idx="0">
                  <c:v>1913.81</c:v>
                </c:pt>
                <c:pt idx="1">
                  <c:v>1047.08</c:v>
                </c:pt>
                <c:pt idx="2">
                  <c:v>731.12599999999998</c:v>
                </c:pt>
                <c:pt idx="3">
                  <c:v>590.65300000000002</c:v>
                </c:pt>
                <c:pt idx="4">
                  <c:v>477.69799999999998</c:v>
                </c:pt>
                <c:pt idx="5">
                  <c:v>410.601</c:v>
                </c:pt>
                <c:pt idx="6">
                  <c:v>380.971</c:v>
                </c:pt>
                <c:pt idx="7">
                  <c:v>341.45699999999999</c:v>
                </c:pt>
                <c:pt idx="8">
                  <c:v>347.93200000000002</c:v>
                </c:pt>
                <c:pt idx="9">
                  <c:v>326.18599999999998</c:v>
                </c:pt>
                <c:pt idx="10">
                  <c:v>316.642</c:v>
                </c:pt>
                <c:pt idx="11">
                  <c:v>304.26499999999999</c:v>
                </c:pt>
                <c:pt idx="12">
                  <c:v>288.71199999999999</c:v>
                </c:pt>
                <c:pt idx="13">
                  <c:v>285.435</c:v>
                </c:pt>
                <c:pt idx="14">
                  <c:v>277.88299999999998</c:v>
                </c:pt>
                <c:pt idx="15">
                  <c:v>266.09899999999999</c:v>
                </c:pt>
                <c:pt idx="16">
                  <c:v>273.36599999999999</c:v>
                </c:pt>
                <c:pt idx="17">
                  <c:v>266.21899999999999</c:v>
                </c:pt>
                <c:pt idx="18">
                  <c:v>261.226</c:v>
                </c:pt>
                <c:pt idx="19">
                  <c:v>252.31899999999999</c:v>
                </c:pt>
                <c:pt idx="20">
                  <c:v>248.34100000000001</c:v>
                </c:pt>
                <c:pt idx="21">
                  <c:v>242.57</c:v>
                </c:pt>
                <c:pt idx="22">
                  <c:v>236.749</c:v>
                </c:pt>
                <c:pt idx="23">
                  <c:v>235.15799999999999</c:v>
                </c:pt>
                <c:pt idx="24">
                  <c:v>235.27099999999999</c:v>
                </c:pt>
                <c:pt idx="25">
                  <c:v>233.374</c:v>
                </c:pt>
                <c:pt idx="26">
                  <c:v>234.10499999999999</c:v>
                </c:pt>
                <c:pt idx="27">
                  <c:v>233.21700000000001</c:v>
                </c:pt>
                <c:pt idx="28">
                  <c:v>232.04400000000001</c:v>
                </c:pt>
                <c:pt idx="29">
                  <c:v>229.47</c:v>
                </c:pt>
                <c:pt idx="30">
                  <c:v>231.124</c:v>
                </c:pt>
                <c:pt idx="31">
                  <c:v>230.43799999999999</c:v>
                </c:pt>
                <c:pt idx="32">
                  <c:v>226.85</c:v>
                </c:pt>
                <c:pt idx="33">
                  <c:v>228.16499999999999</c:v>
                </c:pt>
                <c:pt idx="34">
                  <c:v>229.29300000000001</c:v>
                </c:pt>
                <c:pt idx="35">
                  <c:v>224.995</c:v>
                </c:pt>
                <c:pt idx="36">
                  <c:v>227.02099999999999</c:v>
                </c:pt>
                <c:pt idx="37">
                  <c:v>225.238</c:v>
                </c:pt>
                <c:pt idx="38">
                  <c:v>224.88399999999999</c:v>
                </c:pt>
                <c:pt idx="39">
                  <c:v>222.74600000000001</c:v>
                </c:pt>
                <c:pt idx="40">
                  <c:v>224.001</c:v>
                </c:pt>
                <c:pt idx="41">
                  <c:v>225.55199999999999</c:v>
                </c:pt>
                <c:pt idx="42">
                  <c:v>223.548</c:v>
                </c:pt>
                <c:pt idx="43">
                  <c:v>223.52699999999999</c:v>
                </c:pt>
                <c:pt idx="44">
                  <c:v>224.56100000000001</c:v>
                </c:pt>
                <c:pt idx="45">
                  <c:v>222.49100000000001</c:v>
                </c:pt>
                <c:pt idx="46">
                  <c:v>226.67099999999999</c:v>
                </c:pt>
                <c:pt idx="47">
                  <c:v>220.52799999999999</c:v>
                </c:pt>
                <c:pt idx="48">
                  <c:v>224.69800000000001</c:v>
                </c:pt>
                <c:pt idx="49">
                  <c:v>221.13800000000001</c:v>
                </c:pt>
                <c:pt idx="50">
                  <c:v>221.88800000000001</c:v>
                </c:pt>
                <c:pt idx="51">
                  <c:v>222.75700000000001</c:v>
                </c:pt>
                <c:pt idx="52">
                  <c:v>221.792</c:v>
                </c:pt>
                <c:pt idx="53">
                  <c:v>220.583</c:v>
                </c:pt>
                <c:pt idx="54">
                  <c:v>221.41399999999999</c:v>
                </c:pt>
                <c:pt idx="55">
                  <c:v>219.89400000000001</c:v>
                </c:pt>
                <c:pt idx="56">
                  <c:v>222.54</c:v>
                </c:pt>
                <c:pt idx="57">
                  <c:v>221.78399999999999</c:v>
                </c:pt>
                <c:pt idx="58">
                  <c:v>219.04</c:v>
                </c:pt>
                <c:pt idx="59">
                  <c:v>218.91800000000001</c:v>
                </c:pt>
                <c:pt idx="60">
                  <c:v>221.108</c:v>
                </c:pt>
                <c:pt idx="61">
                  <c:v>218.952</c:v>
                </c:pt>
                <c:pt idx="62">
                  <c:v>219.15199999999999</c:v>
                </c:pt>
                <c:pt idx="63">
                  <c:v>220.21799999999999</c:v>
                </c:pt>
                <c:pt idx="64">
                  <c:v>220.10499999999999</c:v>
                </c:pt>
                <c:pt idx="65">
                  <c:v>218.17699999999999</c:v>
                </c:pt>
                <c:pt idx="66">
                  <c:v>219.15100000000001</c:v>
                </c:pt>
                <c:pt idx="67">
                  <c:v>219.48699999999999</c:v>
                </c:pt>
                <c:pt idx="68">
                  <c:v>216.41499999999999</c:v>
                </c:pt>
                <c:pt idx="69">
                  <c:v>218.16800000000001</c:v>
                </c:pt>
                <c:pt idx="70">
                  <c:v>216.56100000000001</c:v>
                </c:pt>
                <c:pt idx="71">
                  <c:v>218.25200000000001</c:v>
                </c:pt>
                <c:pt idx="72">
                  <c:v>216.381</c:v>
                </c:pt>
                <c:pt idx="73">
                  <c:v>216.25700000000001</c:v>
                </c:pt>
                <c:pt idx="74">
                  <c:v>217.13200000000001</c:v>
                </c:pt>
                <c:pt idx="75">
                  <c:v>218.53100000000001</c:v>
                </c:pt>
                <c:pt idx="76">
                  <c:v>216.29499999999999</c:v>
                </c:pt>
                <c:pt idx="77">
                  <c:v>216.33600000000001</c:v>
                </c:pt>
                <c:pt idx="78">
                  <c:v>217.93899999999999</c:v>
                </c:pt>
                <c:pt idx="79">
                  <c:v>215.29900000000001</c:v>
                </c:pt>
                <c:pt idx="80">
                  <c:v>215.18600000000001</c:v>
                </c:pt>
                <c:pt idx="81">
                  <c:v>215.89699999999999</c:v>
                </c:pt>
                <c:pt idx="82">
                  <c:v>215.738</c:v>
                </c:pt>
                <c:pt idx="83">
                  <c:v>216.523</c:v>
                </c:pt>
                <c:pt idx="84">
                  <c:v>216.63900000000001</c:v>
                </c:pt>
                <c:pt idx="85">
                  <c:v>216.941</c:v>
                </c:pt>
                <c:pt idx="86">
                  <c:v>215.047</c:v>
                </c:pt>
                <c:pt idx="87">
                  <c:v>215.89500000000001</c:v>
                </c:pt>
                <c:pt idx="88">
                  <c:v>217.02699999999999</c:v>
                </c:pt>
                <c:pt idx="89">
                  <c:v>215.18799999999999</c:v>
                </c:pt>
                <c:pt idx="90">
                  <c:v>216.53100000000001</c:v>
                </c:pt>
                <c:pt idx="91">
                  <c:v>216.37</c:v>
                </c:pt>
                <c:pt idx="92">
                  <c:v>221.18700000000001</c:v>
                </c:pt>
                <c:pt idx="93">
                  <c:v>217.12799999999999</c:v>
                </c:pt>
                <c:pt idx="94">
                  <c:v>216.55099999999999</c:v>
                </c:pt>
                <c:pt idx="95">
                  <c:v>214.89699999999999</c:v>
                </c:pt>
                <c:pt idx="96">
                  <c:v>216.005</c:v>
                </c:pt>
                <c:pt idx="97">
                  <c:v>217.06100000000001</c:v>
                </c:pt>
                <c:pt idx="98">
                  <c:v>216.06800000000001</c:v>
                </c:pt>
                <c:pt idx="99">
                  <c:v>215.63200000000001</c:v>
                </c:pt>
                <c:pt idx="100">
                  <c:v>215.941</c:v>
                </c:pt>
                <c:pt idx="101">
                  <c:v>216.762</c:v>
                </c:pt>
                <c:pt idx="102">
                  <c:v>215.762</c:v>
                </c:pt>
                <c:pt idx="103">
                  <c:v>216.709</c:v>
                </c:pt>
                <c:pt idx="104">
                  <c:v>215.07300000000001</c:v>
                </c:pt>
                <c:pt idx="105">
                  <c:v>216.791</c:v>
                </c:pt>
                <c:pt idx="106">
                  <c:v>215.25700000000001</c:v>
                </c:pt>
                <c:pt idx="107">
                  <c:v>216.07900000000001</c:v>
                </c:pt>
                <c:pt idx="108">
                  <c:v>214.49299999999999</c:v>
                </c:pt>
                <c:pt idx="109">
                  <c:v>216.75200000000001</c:v>
                </c:pt>
                <c:pt idx="110">
                  <c:v>214.55600000000001</c:v>
                </c:pt>
                <c:pt idx="111">
                  <c:v>216.39599999999999</c:v>
                </c:pt>
                <c:pt idx="112">
                  <c:v>215.46100000000001</c:v>
                </c:pt>
                <c:pt idx="113">
                  <c:v>215.18899999999999</c:v>
                </c:pt>
                <c:pt idx="114">
                  <c:v>215.74299999999999</c:v>
                </c:pt>
                <c:pt idx="115">
                  <c:v>215.77199999999999</c:v>
                </c:pt>
                <c:pt idx="116">
                  <c:v>214.88</c:v>
                </c:pt>
                <c:pt idx="117">
                  <c:v>215.43199999999999</c:v>
                </c:pt>
                <c:pt idx="118">
                  <c:v>215.851</c:v>
                </c:pt>
                <c:pt idx="119">
                  <c:v>216.80500000000001</c:v>
                </c:pt>
                <c:pt idx="120">
                  <c:v>216.77799999999999</c:v>
                </c:pt>
                <c:pt idx="121">
                  <c:v>216.90899999999999</c:v>
                </c:pt>
                <c:pt idx="122">
                  <c:v>216.07</c:v>
                </c:pt>
                <c:pt idx="123">
                  <c:v>216.583</c:v>
                </c:pt>
                <c:pt idx="124">
                  <c:v>217.74199999999999</c:v>
                </c:pt>
                <c:pt idx="125">
                  <c:v>215.62799999999999</c:v>
                </c:pt>
                <c:pt idx="126">
                  <c:v>215.512</c:v>
                </c:pt>
                <c:pt idx="127">
                  <c:v>215.27500000000001</c:v>
                </c:pt>
                <c:pt idx="128">
                  <c:v>215.655</c:v>
                </c:pt>
                <c:pt idx="129">
                  <c:v>217.03700000000001</c:v>
                </c:pt>
                <c:pt idx="130">
                  <c:v>216.059</c:v>
                </c:pt>
                <c:pt idx="131">
                  <c:v>216.989</c:v>
                </c:pt>
                <c:pt idx="132">
                  <c:v>215.50700000000001</c:v>
                </c:pt>
                <c:pt idx="133">
                  <c:v>215.21899999999999</c:v>
                </c:pt>
                <c:pt idx="134">
                  <c:v>217.327</c:v>
                </c:pt>
                <c:pt idx="135">
                  <c:v>216.00800000000001</c:v>
                </c:pt>
                <c:pt idx="136">
                  <c:v>215.34700000000001</c:v>
                </c:pt>
                <c:pt idx="137">
                  <c:v>216.79499999999999</c:v>
                </c:pt>
                <c:pt idx="138">
                  <c:v>215.828</c:v>
                </c:pt>
                <c:pt idx="139">
                  <c:v>217.93299999999999</c:v>
                </c:pt>
                <c:pt idx="140">
                  <c:v>216.696</c:v>
                </c:pt>
                <c:pt idx="141">
                  <c:v>217.25299999999999</c:v>
                </c:pt>
                <c:pt idx="142">
                  <c:v>215.732</c:v>
                </c:pt>
                <c:pt idx="143">
                  <c:v>215.71299999999999</c:v>
                </c:pt>
                <c:pt idx="144">
                  <c:v>216.63</c:v>
                </c:pt>
                <c:pt idx="145">
                  <c:v>217.19499999999999</c:v>
                </c:pt>
                <c:pt idx="146">
                  <c:v>216.11199999999999</c:v>
                </c:pt>
                <c:pt idx="147">
                  <c:v>217.83</c:v>
                </c:pt>
                <c:pt idx="148">
                  <c:v>215.512</c:v>
                </c:pt>
                <c:pt idx="149">
                  <c:v>215.87299999999999</c:v>
                </c:pt>
                <c:pt idx="150">
                  <c:v>215.54499999999999</c:v>
                </c:pt>
                <c:pt idx="151">
                  <c:v>216.91200000000001</c:v>
                </c:pt>
                <c:pt idx="152">
                  <c:v>218.905</c:v>
                </c:pt>
                <c:pt idx="153">
                  <c:v>218.31200000000001</c:v>
                </c:pt>
                <c:pt idx="154">
                  <c:v>215.636</c:v>
                </c:pt>
                <c:pt idx="155">
                  <c:v>216.46100000000001</c:v>
                </c:pt>
                <c:pt idx="156">
                  <c:v>220.39</c:v>
                </c:pt>
                <c:pt idx="157">
                  <c:v>216.59200000000001</c:v>
                </c:pt>
                <c:pt idx="158">
                  <c:v>216.589</c:v>
                </c:pt>
                <c:pt idx="159">
                  <c:v>215.69900000000001</c:v>
                </c:pt>
                <c:pt idx="160">
                  <c:v>214.38300000000001</c:v>
                </c:pt>
                <c:pt idx="161">
                  <c:v>214.10499999999999</c:v>
                </c:pt>
                <c:pt idx="162">
                  <c:v>214.78700000000001</c:v>
                </c:pt>
                <c:pt idx="163">
                  <c:v>215.15899999999999</c:v>
                </c:pt>
                <c:pt idx="164">
                  <c:v>215.70500000000001</c:v>
                </c:pt>
                <c:pt idx="165">
                  <c:v>214.08</c:v>
                </c:pt>
                <c:pt idx="166">
                  <c:v>214.833</c:v>
                </c:pt>
                <c:pt idx="167">
                  <c:v>215.309</c:v>
                </c:pt>
                <c:pt idx="168">
                  <c:v>213.92099999999999</c:v>
                </c:pt>
                <c:pt idx="169">
                  <c:v>214.881</c:v>
                </c:pt>
                <c:pt idx="170">
                  <c:v>215.71700000000001</c:v>
                </c:pt>
                <c:pt idx="171">
                  <c:v>214.71600000000001</c:v>
                </c:pt>
                <c:pt idx="172">
                  <c:v>213.864</c:v>
                </c:pt>
                <c:pt idx="173">
                  <c:v>215.40899999999999</c:v>
                </c:pt>
                <c:pt idx="174">
                  <c:v>214.61600000000001</c:v>
                </c:pt>
                <c:pt idx="175">
                  <c:v>215.875</c:v>
                </c:pt>
                <c:pt idx="176">
                  <c:v>214.21899999999999</c:v>
                </c:pt>
                <c:pt idx="177">
                  <c:v>214.86199999999999</c:v>
                </c:pt>
                <c:pt idx="178">
                  <c:v>215.304</c:v>
                </c:pt>
                <c:pt idx="179">
                  <c:v>214.45599999999999</c:v>
                </c:pt>
                <c:pt idx="180">
                  <c:v>214.94800000000001</c:v>
                </c:pt>
                <c:pt idx="181">
                  <c:v>214.744</c:v>
                </c:pt>
                <c:pt idx="182">
                  <c:v>214.75899999999999</c:v>
                </c:pt>
                <c:pt idx="183">
                  <c:v>215.05600000000001</c:v>
                </c:pt>
                <c:pt idx="184">
                  <c:v>214.21799999999999</c:v>
                </c:pt>
                <c:pt idx="185">
                  <c:v>214.38900000000001</c:v>
                </c:pt>
                <c:pt idx="186">
                  <c:v>214.90899999999999</c:v>
                </c:pt>
                <c:pt idx="187">
                  <c:v>215.23</c:v>
                </c:pt>
                <c:pt idx="188">
                  <c:v>214.447</c:v>
                </c:pt>
                <c:pt idx="189">
                  <c:v>214.76400000000001</c:v>
                </c:pt>
                <c:pt idx="190">
                  <c:v>214.22900000000001</c:v>
                </c:pt>
                <c:pt idx="191">
                  <c:v>214.178</c:v>
                </c:pt>
                <c:pt idx="192">
                  <c:v>214.54900000000001</c:v>
                </c:pt>
                <c:pt idx="193">
                  <c:v>214.315</c:v>
                </c:pt>
                <c:pt idx="194">
                  <c:v>214.23099999999999</c:v>
                </c:pt>
                <c:pt idx="195">
                  <c:v>214.583</c:v>
                </c:pt>
                <c:pt idx="196">
                  <c:v>215.03100000000001</c:v>
                </c:pt>
                <c:pt idx="197">
                  <c:v>214.554</c:v>
                </c:pt>
                <c:pt idx="198">
                  <c:v>214.33600000000001</c:v>
                </c:pt>
                <c:pt idx="199">
                  <c:v>215.07300000000001</c:v>
                </c:pt>
                <c:pt idx="200">
                  <c:v>215.39699999999999</c:v>
                </c:pt>
                <c:pt idx="201">
                  <c:v>215.52699999999999</c:v>
                </c:pt>
                <c:pt idx="202">
                  <c:v>216.19200000000001</c:v>
                </c:pt>
                <c:pt idx="203">
                  <c:v>214.137</c:v>
                </c:pt>
                <c:pt idx="204">
                  <c:v>215.334</c:v>
                </c:pt>
                <c:pt idx="205">
                  <c:v>215.304</c:v>
                </c:pt>
                <c:pt idx="206">
                  <c:v>215.76599999999999</c:v>
                </c:pt>
                <c:pt idx="207">
                  <c:v>214.33600000000001</c:v>
                </c:pt>
                <c:pt idx="208">
                  <c:v>214.81899999999999</c:v>
                </c:pt>
                <c:pt idx="209">
                  <c:v>213.90299999999999</c:v>
                </c:pt>
                <c:pt idx="210">
                  <c:v>214.55</c:v>
                </c:pt>
                <c:pt idx="211">
                  <c:v>215.18700000000001</c:v>
                </c:pt>
                <c:pt idx="212">
                  <c:v>213.97</c:v>
                </c:pt>
                <c:pt idx="213">
                  <c:v>218.08699999999999</c:v>
                </c:pt>
                <c:pt idx="214">
                  <c:v>215.35499999999999</c:v>
                </c:pt>
                <c:pt idx="215">
                  <c:v>214.369</c:v>
                </c:pt>
                <c:pt idx="216">
                  <c:v>214.80199999999999</c:v>
                </c:pt>
                <c:pt idx="217">
                  <c:v>214.87100000000001</c:v>
                </c:pt>
                <c:pt idx="218">
                  <c:v>216.44499999999999</c:v>
                </c:pt>
                <c:pt idx="219">
                  <c:v>215.00899999999999</c:v>
                </c:pt>
                <c:pt idx="220">
                  <c:v>215.84700000000001</c:v>
                </c:pt>
                <c:pt idx="221">
                  <c:v>214.90799999999999</c:v>
                </c:pt>
                <c:pt idx="222">
                  <c:v>215.07900000000001</c:v>
                </c:pt>
                <c:pt idx="223">
                  <c:v>214.67099999999999</c:v>
                </c:pt>
                <c:pt idx="224">
                  <c:v>216.88499999999999</c:v>
                </c:pt>
                <c:pt idx="225">
                  <c:v>214.98699999999999</c:v>
                </c:pt>
                <c:pt idx="226">
                  <c:v>217.38900000000001</c:v>
                </c:pt>
                <c:pt idx="227">
                  <c:v>219.86099999999999</c:v>
                </c:pt>
                <c:pt idx="228">
                  <c:v>216.66499999999999</c:v>
                </c:pt>
                <c:pt idx="229">
                  <c:v>214.80199999999999</c:v>
                </c:pt>
                <c:pt idx="230">
                  <c:v>214.673</c:v>
                </c:pt>
                <c:pt idx="231">
                  <c:v>214.328</c:v>
                </c:pt>
                <c:pt idx="232">
                  <c:v>215.595</c:v>
                </c:pt>
                <c:pt idx="233">
                  <c:v>214.47</c:v>
                </c:pt>
                <c:pt idx="234">
                  <c:v>215.745</c:v>
                </c:pt>
                <c:pt idx="235">
                  <c:v>214.196</c:v>
                </c:pt>
                <c:pt idx="236">
                  <c:v>213.614</c:v>
                </c:pt>
                <c:pt idx="237">
                  <c:v>215.285</c:v>
                </c:pt>
                <c:pt idx="238">
                  <c:v>215.01499999999999</c:v>
                </c:pt>
                <c:pt idx="239">
                  <c:v>212.429</c:v>
                </c:pt>
                <c:pt idx="240">
                  <c:v>212.358</c:v>
                </c:pt>
                <c:pt idx="241">
                  <c:v>213.15199999999999</c:v>
                </c:pt>
                <c:pt idx="242">
                  <c:v>213.17500000000001</c:v>
                </c:pt>
                <c:pt idx="243">
                  <c:v>214.24799999999999</c:v>
                </c:pt>
                <c:pt idx="244">
                  <c:v>212.27099999999999</c:v>
                </c:pt>
                <c:pt idx="245">
                  <c:v>212.51400000000001</c:v>
                </c:pt>
                <c:pt idx="246">
                  <c:v>212.87</c:v>
                </c:pt>
                <c:pt idx="247">
                  <c:v>212.488</c:v>
                </c:pt>
                <c:pt idx="248">
                  <c:v>213.60499999999999</c:v>
                </c:pt>
                <c:pt idx="249">
                  <c:v>212.25800000000001</c:v>
                </c:pt>
                <c:pt idx="250">
                  <c:v>212.929</c:v>
                </c:pt>
                <c:pt idx="251">
                  <c:v>212.839</c:v>
                </c:pt>
                <c:pt idx="252">
                  <c:v>212.971</c:v>
                </c:pt>
                <c:pt idx="253">
                  <c:v>215.47800000000001</c:v>
                </c:pt>
                <c:pt idx="254">
                  <c:v>212.7</c:v>
                </c:pt>
                <c:pt idx="255">
                  <c:v>213.31299999999999</c:v>
                </c:pt>
              </c:numCache>
            </c:numRef>
          </c:val>
          <c:smooth val="0"/>
          <c:extLst>
            <c:ext xmlns:c16="http://schemas.microsoft.com/office/drawing/2014/chart" uri="{C3380CC4-5D6E-409C-BE32-E72D297353CC}">
              <c16:uniqueId val="{00000003-EDFE-43AF-95BB-7A5591816394}"/>
            </c:ext>
          </c:extLst>
        </c:ser>
        <c:ser>
          <c:idx val="4"/>
          <c:order val="4"/>
          <c:tx>
            <c:strRef>
              <c:f>test_2_results_full!$F$1</c:f>
              <c:strCache>
                <c:ptCount val="1"/>
                <c:pt idx="0">
                  <c:v>128 threads</c:v>
                </c:pt>
              </c:strCache>
            </c:strRef>
          </c:tx>
          <c:spPr>
            <a:ln w="28575" cap="rnd">
              <a:solidFill>
                <a:schemeClr val="accent5"/>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F$2:$F$257</c:f>
              <c:numCache>
                <c:formatCode>General</c:formatCode>
                <c:ptCount val="256"/>
                <c:pt idx="0">
                  <c:v>1911.37</c:v>
                </c:pt>
                <c:pt idx="1">
                  <c:v>1045.17</c:v>
                </c:pt>
                <c:pt idx="2">
                  <c:v>736.75</c:v>
                </c:pt>
                <c:pt idx="3">
                  <c:v>594.37599999999998</c:v>
                </c:pt>
                <c:pt idx="4">
                  <c:v>475.27100000000002</c:v>
                </c:pt>
                <c:pt idx="5">
                  <c:v>413.63299999999998</c:v>
                </c:pt>
                <c:pt idx="6">
                  <c:v>389.34300000000002</c:v>
                </c:pt>
                <c:pt idx="7">
                  <c:v>342.512</c:v>
                </c:pt>
                <c:pt idx="8">
                  <c:v>346.32299999999998</c:v>
                </c:pt>
                <c:pt idx="9">
                  <c:v>316.86500000000001</c:v>
                </c:pt>
                <c:pt idx="10">
                  <c:v>306.726</c:v>
                </c:pt>
                <c:pt idx="11">
                  <c:v>301.27300000000002</c:v>
                </c:pt>
                <c:pt idx="12">
                  <c:v>292.85899999999998</c:v>
                </c:pt>
                <c:pt idx="13">
                  <c:v>287.41800000000001</c:v>
                </c:pt>
                <c:pt idx="14">
                  <c:v>276.76499999999999</c:v>
                </c:pt>
                <c:pt idx="15">
                  <c:v>275.88200000000001</c:v>
                </c:pt>
                <c:pt idx="16">
                  <c:v>272.93299999999999</c:v>
                </c:pt>
                <c:pt idx="17">
                  <c:v>273.05099999999999</c:v>
                </c:pt>
                <c:pt idx="18">
                  <c:v>262.54300000000001</c:v>
                </c:pt>
                <c:pt idx="19">
                  <c:v>250.50700000000001</c:v>
                </c:pt>
                <c:pt idx="20">
                  <c:v>247.79300000000001</c:v>
                </c:pt>
                <c:pt idx="21">
                  <c:v>240.90600000000001</c:v>
                </c:pt>
                <c:pt idx="22">
                  <c:v>239.596</c:v>
                </c:pt>
                <c:pt idx="23">
                  <c:v>234.35599999999999</c:v>
                </c:pt>
                <c:pt idx="24">
                  <c:v>236.42400000000001</c:v>
                </c:pt>
                <c:pt idx="25">
                  <c:v>231.88900000000001</c:v>
                </c:pt>
                <c:pt idx="26">
                  <c:v>232.06100000000001</c:v>
                </c:pt>
                <c:pt idx="27">
                  <c:v>230.369</c:v>
                </c:pt>
                <c:pt idx="28">
                  <c:v>231.25200000000001</c:v>
                </c:pt>
                <c:pt idx="29">
                  <c:v>228.71700000000001</c:v>
                </c:pt>
                <c:pt idx="30">
                  <c:v>231.126</c:v>
                </c:pt>
                <c:pt idx="31">
                  <c:v>226.286</c:v>
                </c:pt>
                <c:pt idx="32">
                  <c:v>226.87899999999999</c:v>
                </c:pt>
                <c:pt idx="33">
                  <c:v>225.63300000000001</c:v>
                </c:pt>
                <c:pt idx="34">
                  <c:v>226.24199999999999</c:v>
                </c:pt>
                <c:pt idx="35">
                  <c:v>224.99199999999999</c:v>
                </c:pt>
                <c:pt idx="36">
                  <c:v>225.017</c:v>
                </c:pt>
                <c:pt idx="37">
                  <c:v>223.56200000000001</c:v>
                </c:pt>
                <c:pt idx="38">
                  <c:v>223.07499999999999</c:v>
                </c:pt>
                <c:pt idx="39">
                  <c:v>223.101</c:v>
                </c:pt>
                <c:pt idx="40">
                  <c:v>221.07900000000001</c:v>
                </c:pt>
                <c:pt idx="41">
                  <c:v>223.75299999999999</c:v>
                </c:pt>
                <c:pt idx="42">
                  <c:v>224.29300000000001</c:v>
                </c:pt>
                <c:pt idx="43">
                  <c:v>222.27</c:v>
                </c:pt>
                <c:pt idx="44">
                  <c:v>222.739</c:v>
                </c:pt>
                <c:pt idx="45">
                  <c:v>222.35900000000001</c:v>
                </c:pt>
                <c:pt idx="46">
                  <c:v>223.82300000000001</c:v>
                </c:pt>
                <c:pt idx="47">
                  <c:v>221.86199999999999</c:v>
                </c:pt>
                <c:pt idx="48">
                  <c:v>221.196</c:v>
                </c:pt>
                <c:pt idx="49">
                  <c:v>222.35300000000001</c:v>
                </c:pt>
                <c:pt idx="50">
                  <c:v>220.768</c:v>
                </c:pt>
                <c:pt idx="51">
                  <c:v>219.83199999999999</c:v>
                </c:pt>
                <c:pt idx="52">
                  <c:v>221.483</c:v>
                </c:pt>
                <c:pt idx="53">
                  <c:v>220.54499999999999</c:v>
                </c:pt>
                <c:pt idx="54">
                  <c:v>221.40899999999999</c:v>
                </c:pt>
                <c:pt idx="55">
                  <c:v>221.494</c:v>
                </c:pt>
                <c:pt idx="56">
                  <c:v>222.142</c:v>
                </c:pt>
                <c:pt idx="57">
                  <c:v>221.74199999999999</c:v>
                </c:pt>
                <c:pt idx="58">
                  <c:v>219.08600000000001</c:v>
                </c:pt>
                <c:pt idx="59">
                  <c:v>219.34800000000001</c:v>
                </c:pt>
                <c:pt idx="60">
                  <c:v>218.947</c:v>
                </c:pt>
                <c:pt idx="61">
                  <c:v>219.56800000000001</c:v>
                </c:pt>
                <c:pt idx="62">
                  <c:v>218.21100000000001</c:v>
                </c:pt>
                <c:pt idx="63">
                  <c:v>218.87700000000001</c:v>
                </c:pt>
                <c:pt idx="64">
                  <c:v>218.46799999999999</c:v>
                </c:pt>
                <c:pt idx="65">
                  <c:v>217.21100000000001</c:v>
                </c:pt>
                <c:pt idx="66">
                  <c:v>217.81800000000001</c:v>
                </c:pt>
                <c:pt idx="67">
                  <c:v>219.10499999999999</c:v>
                </c:pt>
                <c:pt idx="68">
                  <c:v>220.18700000000001</c:v>
                </c:pt>
                <c:pt idx="69">
                  <c:v>217.34100000000001</c:v>
                </c:pt>
                <c:pt idx="70">
                  <c:v>219.304</c:v>
                </c:pt>
                <c:pt idx="71">
                  <c:v>218.36199999999999</c:v>
                </c:pt>
                <c:pt idx="72">
                  <c:v>220.255</c:v>
                </c:pt>
                <c:pt idx="73">
                  <c:v>217.845</c:v>
                </c:pt>
                <c:pt idx="74">
                  <c:v>222.07900000000001</c:v>
                </c:pt>
                <c:pt idx="75">
                  <c:v>216.95400000000001</c:v>
                </c:pt>
                <c:pt idx="76">
                  <c:v>216.994</c:v>
                </c:pt>
                <c:pt idx="77">
                  <c:v>220.203</c:v>
                </c:pt>
                <c:pt idx="78">
                  <c:v>219.12100000000001</c:v>
                </c:pt>
                <c:pt idx="79">
                  <c:v>217.40799999999999</c:v>
                </c:pt>
                <c:pt idx="80">
                  <c:v>215.74700000000001</c:v>
                </c:pt>
                <c:pt idx="81">
                  <c:v>215.71899999999999</c:v>
                </c:pt>
                <c:pt idx="82">
                  <c:v>218.744</c:v>
                </c:pt>
                <c:pt idx="83">
                  <c:v>217.386</c:v>
                </c:pt>
                <c:pt idx="84">
                  <c:v>215.00700000000001</c:v>
                </c:pt>
                <c:pt idx="85">
                  <c:v>215.93100000000001</c:v>
                </c:pt>
                <c:pt idx="86">
                  <c:v>215.36799999999999</c:v>
                </c:pt>
                <c:pt idx="87">
                  <c:v>216.107</c:v>
                </c:pt>
                <c:pt idx="88">
                  <c:v>215.75399999999999</c:v>
                </c:pt>
                <c:pt idx="89">
                  <c:v>216.95400000000001</c:v>
                </c:pt>
                <c:pt idx="90">
                  <c:v>216.63300000000001</c:v>
                </c:pt>
                <c:pt idx="91">
                  <c:v>216.833</c:v>
                </c:pt>
                <c:pt idx="92">
                  <c:v>220.96799999999999</c:v>
                </c:pt>
                <c:pt idx="93">
                  <c:v>217.53800000000001</c:v>
                </c:pt>
                <c:pt idx="94">
                  <c:v>217.732</c:v>
                </c:pt>
                <c:pt idx="95">
                  <c:v>216.39099999999999</c:v>
                </c:pt>
                <c:pt idx="96">
                  <c:v>215.65299999999999</c:v>
                </c:pt>
                <c:pt idx="97">
                  <c:v>214.518</c:v>
                </c:pt>
                <c:pt idx="98">
                  <c:v>215.096</c:v>
                </c:pt>
                <c:pt idx="99">
                  <c:v>215.096</c:v>
                </c:pt>
                <c:pt idx="100">
                  <c:v>215.94499999999999</c:v>
                </c:pt>
                <c:pt idx="101">
                  <c:v>215.72800000000001</c:v>
                </c:pt>
                <c:pt idx="102">
                  <c:v>215.13</c:v>
                </c:pt>
                <c:pt idx="103">
                  <c:v>216.214</c:v>
                </c:pt>
                <c:pt idx="104">
                  <c:v>215.048</c:v>
                </c:pt>
                <c:pt idx="105">
                  <c:v>215.25899999999999</c:v>
                </c:pt>
                <c:pt idx="106">
                  <c:v>215.602</c:v>
                </c:pt>
                <c:pt idx="107">
                  <c:v>217.727</c:v>
                </c:pt>
                <c:pt idx="108">
                  <c:v>215.41200000000001</c:v>
                </c:pt>
                <c:pt idx="109">
                  <c:v>215.98400000000001</c:v>
                </c:pt>
                <c:pt idx="110">
                  <c:v>214.554</c:v>
                </c:pt>
                <c:pt idx="111">
                  <c:v>216.10599999999999</c:v>
                </c:pt>
                <c:pt idx="112">
                  <c:v>214.626</c:v>
                </c:pt>
                <c:pt idx="113">
                  <c:v>216.56800000000001</c:v>
                </c:pt>
                <c:pt idx="114">
                  <c:v>215.602</c:v>
                </c:pt>
                <c:pt idx="115">
                  <c:v>215.27600000000001</c:v>
                </c:pt>
                <c:pt idx="116">
                  <c:v>215.59700000000001</c:v>
                </c:pt>
                <c:pt idx="117">
                  <c:v>215.143</c:v>
                </c:pt>
                <c:pt idx="118">
                  <c:v>214.661</c:v>
                </c:pt>
                <c:pt idx="119">
                  <c:v>213.58500000000001</c:v>
                </c:pt>
                <c:pt idx="120">
                  <c:v>212.971</c:v>
                </c:pt>
                <c:pt idx="121">
                  <c:v>214.01599999999999</c:v>
                </c:pt>
                <c:pt idx="122">
                  <c:v>214.31399999999999</c:v>
                </c:pt>
                <c:pt idx="123">
                  <c:v>213.50899999999999</c:v>
                </c:pt>
                <c:pt idx="124">
                  <c:v>214.22300000000001</c:v>
                </c:pt>
                <c:pt idx="125">
                  <c:v>213.828</c:v>
                </c:pt>
                <c:pt idx="126">
                  <c:v>214.089</c:v>
                </c:pt>
                <c:pt idx="127">
                  <c:v>213.25899999999999</c:v>
                </c:pt>
                <c:pt idx="128">
                  <c:v>214.309</c:v>
                </c:pt>
                <c:pt idx="129">
                  <c:v>212.85300000000001</c:v>
                </c:pt>
                <c:pt idx="130">
                  <c:v>214.21100000000001</c:v>
                </c:pt>
                <c:pt idx="131">
                  <c:v>212.607</c:v>
                </c:pt>
                <c:pt idx="132">
                  <c:v>213.16900000000001</c:v>
                </c:pt>
                <c:pt idx="133">
                  <c:v>213.10499999999999</c:v>
                </c:pt>
                <c:pt idx="134">
                  <c:v>212.63499999999999</c:v>
                </c:pt>
                <c:pt idx="135">
                  <c:v>213.36099999999999</c:v>
                </c:pt>
                <c:pt idx="136">
                  <c:v>213.286</c:v>
                </c:pt>
                <c:pt idx="137">
                  <c:v>212.90600000000001</c:v>
                </c:pt>
                <c:pt idx="138">
                  <c:v>213.66499999999999</c:v>
                </c:pt>
                <c:pt idx="139">
                  <c:v>212.964</c:v>
                </c:pt>
                <c:pt idx="140">
                  <c:v>214.542</c:v>
                </c:pt>
                <c:pt idx="141">
                  <c:v>213.23099999999999</c:v>
                </c:pt>
                <c:pt idx="142">
                  <c:v>214.27500000000001</c:v>
                </c:pt>
                <c:pt idx="143">
                  <c:v>213.762</c:v>
                </c:pt>
                <c:pt idx="144">
                  <c:v>212.82900000000001</c:v>
                </c:pt>
                <c:pt idx="145">
                  <c:v>212.82900000000001</c:v>
                </c:pt>
                <c:pt idx="146">
                  <c:v>213.63</c:v>
                </c:pt>
                <c:pt idx="147">
                  <c:v>213.40799999999999</c:v>
                </c:pt>
                <c:pt idx="148">
                  <c:v>213.339</c:v>
                </c:pt>
                <c:pt idx="149">
                  <c:v>214.64</c:v>
                </c:pt>
                <c:pt idx="150">
                  <c:v>213.505</c:v>
                </c:pt>
                <c:pt idx="151">
                  <c:v>212.99</c:v>
                </c:pt>
                <c:pt idx="152">
                  <c:v>215.81700000000001</c:v>
                </c:pt>
                <c:pt idx="153">
                  <c:v>217.19</c:v>
                </c:pt>
                <c:pt idx="154">
                  <c:v>213.43600000000001</c:v>
                </c:pt>
                <c:pt idx="155">
                  <c:v>214.91800000000001</c:v>
                </c:pt>
                <c:pt idx="156">
                  <c:v>214.749</c:v>
                </c:pt>
                <c:pt idx="157">
                  <c:v>215.58500000000001</c:v>
                </c:pt>
                <c:pt idx="158">
                  <c:v>213.33</c:v>
                </c:pt>
                <c:pt idx="159">
                  <c:v>214.065</c:v>
                </c:pt>
                <c:pt idx="160">
                  <c:v>213.38900000000001</c:v>
                </c:pt>
                <c:pt idx="161">
                  <c:v>214.101</c:v>
                </c:pt>
                <c:pt idx="162">
                  <c:v>213.345</c:v>
                </c:pt>
                <c:pt idx="163">
                  <c:v>214.52</c:v>
                </c:pt>
                <c:pt idx="164">
                  <c:v>213.167</c:v>
                </c:pt>
                <c:pt idx="165">
                  <c:v>212.95599999999999</c:v>
                </c:pt>
                <c:pt idx="166">
                  <c:v>213.678</c:v>
                </c:pt>
                <c:pt idx="167">
                  <c:v>213.18299999999999</c:v>
                </c:pt>
                <c:pt idx="168">
                  <c:v>213.85599999999999</c:v>
                </c:pt>
                <c:pt idx="169">
                  <c:v>213.10900000000001</c:v>
                </c:pt>
                <c:pt idx="170">
                  <c:v>213.952</c:v>
                </c:pt>
                <c:pt idx="171">
                  <c:v>213.70599999999999</c:v>
                </c:pt>
                <c:pt idx="172">
                  <c:v>213.25399999999999</c:v>
                </c:pt>
                <c:pt idx="173">
                  <c:v>213.274</c:v>
                </c:pt>
                <c:pt idx="174">
                  <c:v>212.828</c:v>
                </c:pt>
                <c:pt idx="175">
                  <c:v>213.28700000000001</c:v>
                </c:pt>
                <c:pt idx="176">
                  <c:v>213.37</c:v>
                </c:pt>
                <c:pt idx="177">
                  <c:v>213.631</c:v>
                </c:pt>
                <c:pt idx="178">
                  <c:v>213.232</c:v>
                </c:pt>
                <c:pt idx="179">
                  <c:v>214.71199999999999</c:v>
                </c:pt>
                <c:pt idx="180">
                  <c:v>214.887</c:v>
                </c:pt>
                <c:pt idx="181">
                  <c:v>213.65199999999999</c:v>
                </c:pt>
                <c:pt idx="182">
                  <c:v>213.03800000000001</c:v>
                </c:pt>
                <c:pt idx="183">
                  <c:v>213.95500000000001</c:v>
                </c:pt>
                <c:pt idx="184">
                  <c:v>213.85499999999999</c:v>
                </c:pt>
                <c:pt idx="185">
                  <c:v>212.88800000000001</c:v>
                </c:pt>
                <c:pt idx="186">
                  <c:v>213.07499999999999</c:v>
                </c:pt>
                <c:pt idx="187">
                  <c:v>214.60599999999999</c:v>
                </c:pt>
                <c:pt idx="188">
                  <c:v>212.60499999999999</c:v>
                </c:pt>
                <c:pt idx="189">
                  <c:v>212.971</c:v>
                </c:pt>
                <c:pt idx="190">
                  <c:v>214.19</c:v>
                </c:pt>
                <c:pt idx="191">
                  <c:v>213.93700000000001</c:v>
                </c:pt>
                <c:pt idx="192">
                  <c:v>214.19399999999999</c:v>
                </c:pt>
                <c:pt idx="193">
                  <c:v>214.39500000000001</c:v>
                </c:pt>
                <c:pt idx="194">
                  <c:v>212.934</c:v>
                </c:pt>
                <c:pt idx="195">
                  <c:v>213.65100000000001</c:v>
                </c:pt>
                <c:pt idx="196">
                  <c:v>213.965</c:v>
                </c:pt>
                <c:pt idx="197">
                  <c:v>213.31100000000001</c:v>
                </c:pt>
                <c:pt idx="198">
                  <c:v>213.08199999999999</c:v>
                </c:pt>
                <c:pt idx="199">
                  <c:v>214.31800000000001</c:v>
                </c:pt>
                <c:pt idx="200">
                  <c:v>213.471</c:v>
                </c:pt>
                <c:pt idx="201">
                  <c:v>213.191</c:v>
                </c:pt>
                <c:pt idx="202">
                  <c:v>213.28200000000001</c:v>
                </c:pt>
                <c:pt idx="203">
                  <c:v>214.09299999999999</c:v>
                </c:pt>
                <c:pt idx="204">
                  <c:v>213.58699999999999</c:v>
                </c:pt>
                <c:pt idx="205">
                  <c:v>213.35900000000001</c:v>
                </c:pt>
                <c:pt idx="206">
                  <c:v>215.547</c:v>
                </c:pt>
                <c:pt idx="207">
                  <c:v>213.619</c:v>
                </c:pt>
                <c:pt idx="208">
                  <c:v>213.79400000000001</c:v>
                </c:pt>
                <c:pt idx="209">
                  <c:v>213.62</c:v>
                </c:pt>
                <c:pt idx="210">
                  <c:v>213.91800000000001</c:v>
                </c:pt>
                <c:pt idx="211">
                  <c:v>213.792</c:v>
                </c:pt>
                <c:pt idx="212">
                  <c:v>213.559</c:v>
                </c:pt>
                <c:pt idx="213">
                  <c:v>213.72200000000001</c:v>
                </c:pt>
                <c:pt idx="214">
                  <c:v>213.08</c:v>
                </c:pt>
                <c:pt idx="215">
                  <c:v>212.47200000000001</c:v>
                </c:pt>
                <c:pt idx="216">
                  <c:v>213.697</c:v>
                </c:pt>
                <c:pt idx="217">
                  <c:v>214.191</c:v>
                </c:pt>
                <c:pt idx="218">
                  <c:v>214.625</c:v>
                </c:pt>
                <c:pt idx="219">
                  <c:v>214.69900000000001</c:v>
                </c:pt>
                <c:pt idx="220">
                  <c:v>213.94800000000001</c:v>
                </c:pt>
                <c:pt idx="221">
                  <c:v>212.69300000000001</c:v>
                </c:pt>
                <c:pt idx="222">
                  <c:v>213.32</c:v>
                </c:pt>
                <c:pt idx="223">
                  <c:v>213.50800000000001</c:v>
                </c:pt>
                <c:pt idx="224">
                  <c:v>214.59800000000001</c:v>
                </c:pt>
                <c:pt idx="225">
                  <c:v>215.81700000000001</c:v>
                </c:pt>
                <c:pt idx="226">
                  <c:v>215.38399999999999</c:v>
                </c:pt>
                <c:pt idx="227">
                  <c:v>215.12299999999999</c:v>
                </c:pt>
                <c:pt idx="228">
                  <c:v>214.72800000000001</c:v>
                </c:pt>
                <c:pt idx="229">
                  <c:v>213.45400000000001</c:v>
                </c:pt>
                <c:pt idx="230">
                  <c:v>213.809</c:v>
                </c:pt>
                <c:pt idx="231">
                  <c:v>213.36199999999999</c:v>
                </c:pt>
                <c:pt idx="232">
                  <c:v>213.261</c:v>
                </c:pt>
                <c:pt idx="233">
                  <c:v>213.64699999999999</c:v>
                </c:pt>
                <c:pt idx="234">
                  <c:v>214.64500000000001</c:v>
                </c:pt>
                <c:pt idx="235">
                  <c:v>213.57300000000001</c:v>
                </c:pt>
                <c:pt idx="236">
                  <c:v>213.80699999999999</c:v>
                </c:pt>
                <c:pt idx="237">
                  <c:v>216.32400000000001</c:v>
                </c:pt>
                <c:pt idx="238">
                  <c:v>213.03200000000001</c:v>
                </c:pt>
                <c:pt idx="239">
                  <c:v>212.76</c:v>
                </c:pt>
                <c:pt idx="240">
                  <c:v>214.167</c:v>
                </c:pt>
                <c:pt idx="241">
                  <c:v>213.714</c:v>
                </c:pt>
                <c:pt idx="242">
                  <c:v>214.185</c:v>
                </c:pt>
                <c:pt idx="243">
                  <c:v>212.96</c:v>
                </c:pt>
                <c:pt idx="244">
                  <c:v>213.81</c:v>
                </c:pt>
                <c:pt idx="245">
                  <c:v>213.369</c:v>
                </c:pt>
                <c:pt idx="246">
                  <c:v>213.279</c:v>
                </c:pt>
                <c:pt idx="247">
                  <c:v>213.50700000000001</c:v>
                </c:pt>
                <c:pt idx="248">
                  <c:v>212.988</c:v>
                </c:pt>
                <c:pt idx="249">
                  <c:v>212.952</c:v>
                </c:pt>
                <c:pt idx="250">
                  <c:v>212.96700000000001</c:v>
                </c:pt>
                <c:pt idx="251">
                  <c:v>213.03299999999999</c:v>
                </c:pt>
                <c:pt idx="252">
                  <c:v>213.06899999999999</c:v>
                </c:pt>
                <c:pt idx="253">
                  <c:v>215.005</c:v>
                </c:pt>
                <c:pt idx="254">
                  <c:v>214.49799999999999</c:v>
                </c:pt>
                <c:pt idx="255">
                  <c:v>213.28800000000001</c:v>
                </c:pt>
              </c:numCache>
            </c:numRef>
          </c:val>
          <c:smooth val="0"/>
          <c:extLst>
            <c:ext xmlns:c16="http://schemas.microsoft.com/office/drawing/2014/chart" uri="{C3380CC4-5D6E-409C-BE32-E72D297353CC}">
              <c16:uniqueId val="{00000004-EDFE-43AF-95BB-7A5591816394}"/>
            </c:ext>
          </c:extLst>
        </c:ser>
        <c:ser>
          <c:idx val="5"/>
          <c:order val="5"/>
          <c:tx>
            <c:strRef>
              <c:f>test_2_results_full!$G$1</c:f>
              <c:strCache>
                <c:ptCount val="1"/>
                <c:pt idx="0">
                  <c:v>256 threads</c:v>
                </c:pt>
              </c:strCache>
            </c:strRef>
          </c:tx>
          <c:spPr>
            <a:ln w="28575" cap="rnd">
              <a:solidFill>
                <a:schemeClr val="accent6"/>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G$2:$G$257</c:f>
              <c:numCache>
                <c:formatCode>General</c:formatCode>
                <c:ptCount val="256"/>
                <c:pt idx="0">
                  <c:v>1906.1</c:v>
                </c:pt>
                <c:pt idx="1">
                  <c:v>1048.02</c:v>
                </c:pt>
                <c:pt idx="2">
                  <c:v>738.58500000000004</c:v>
                </c:pt>
                <c:pt idx="3">
                  <c:v>591.32000000000005</c:v>
                </c:pt>
                <c:pt idx="4">
                  <c:v>478.50400000000002</c:v>
                </c:pt>
                <c:pt idx="5">
                  <c:v>412.13299999999998</c:v>
                </c:pt>
                <c:pt idx="6">
                  <c:v>388.19099999999997</c:v>
                </c:pt>
                <c:pt idx="7">
                  <c:v>342.541</c:v>
                </c:pt>
                <c:pt idx="8">
                  <c:v>353.666</c:v>
                </c:pt>
                <c:pt idx="9">
                  <c:v>326.49799999999999</c:v>
                </c:pt>
                <c:pt idx="10">
                  <c:v>315.43400000000003</c:v>
                </c:pt>
                <c:pt idx="11">
                  <c:v>310.32600000000002</c:v>
                </c:pt>
                <c:pt idx="12">
                  <c:v>291.32299999999998</c:v>
                </c:pt>
                <c:pt idx="13">
                  <c:v>290.947</c:v>
                </c:pt>
                <c:pt idx="14">
                  <c:v>277.46800000000002</c:v>
                </c:pt>
                <c:pt idx="15">
                  <c:v>271.887</c:v>
                </c:pt>
                <c:pt idx="16">
                  <c:v>269.39699999999999</c:v>
                </c:pt>
                <c:pt idx="17">
                  <c:v>262.06400000000002</c:v>
                </c:pt>
                <c:pt idx="18">
                  <c:v>259.57499999999999</c:v>
                </c:pt>
                <c:pt idx="19">
                  <c:v>252.02500000000001</c:v>
                </c:pt>
                <c:pt idx="20">
                  <c:v>248.12700000000001</c:v>
                </c:pt>
                <c:pt idx="21">
                  <c:v>242.589</c:v>
                </c:pt>
                <c:pt idx="22">
                  <c:v>239.89400000000001</c:v>
                </c:pt>
                <c:pt idx="23">
                  <c:v>234.959</c:v>
                </c:pt>
                <c:pt idx="24">
                  <c:v>235.75899999999999</c:v>
                </c:pt>
                <c:pt idx="25">
                  <c:v>232.59299999999999</c:v>
                </c:pt>
                <c:pt idx="26">
                  <c:v>234.589</c:v>
                </c:pt>
                <c:pt idx="27">
                  <c:v>232.52099999999999</c:v>
                </c:pt>
                <c:pt idx="28">
                  <c:v>228.482</c:v>
                </c:pt>
                <c:pt idx="29">
                  <c:v>226.93199999999999</c:v>
                </c:pt>
                <c:pt idx="30">
                  <c:v>226.989</c:v>
                </c:pt>
                <c:pt idx="31">
                  <c:v>224.67500000000001</c:v>
                </c:pt>
                <c:pt idx="32">
                  <c:v>225.94900000000001</c:v>
                </c:pt>
                <c:pt idx="33">
                  <c:v>226.97800000000001</c:v>
                </c:pt>
                <c:pt idx="34">
                  <c:v>228.74</c:v>
                </c:pt>
                <c:pt idx="35">
                  <c:v>224.821</c:v>
                </c:pt>
                <c:pt idx="36">
                  <c:v>226.04</c:v>
                </c:pt>
                <c:pt idx="37">
                  <c:v>226.77</c:v>
                </c:pt>
                <c:pt idx="38">
                  <c:v>224.56899999999999</c:v>
                </c:pt>
                <c:pt idx="39">
                  <c:v>224.68100000000001</c:v>
                </c:pt>
                <c:pt idx="40">
                  <c:v>225.042</c:v>
                </c:pt>
                <c:pt idx="41">
                  <c:v>225.583</c:v>
                </c:pt>
                <c:pt idx="42">
                  <c:v>224.179</c:v>
                </c:pt>
                <c:pt idx="43">
                  <c:v>221.93600000000001</c:v>
                </c:pt>
                <c:pt idx="44">
                  <c:v>221.995</c:v>
                </c:pt>
                <c:pt idx="45">
                  <c:v>226.91300000000001</c:v>
                </c:pt>
                <c:pt idx="46">
                  <c:v>223.649</c:v>
                </c:pt>
                <c:pt idx="47">
                  <c:v>222.762</c:v>
                </c:pt>
                <c:pt idx="48">
                  <c:v>222.15100000000001</c:v>
                </c:pt>
                <c:pt idx="49">
                  <c:v>221.23599999999999</c:v>
                </c:pt>
                <c:pt idx="50">
                  <c:v>220.857</c:v>
                </c:pt>
                <c:pt idx="51">
                  <c:v>224.78299999999999</c:v>
                </c:pt>
                <c:pt idx="52">
                  <c:v>221.143</c:v>
                </c:pt>
                <c:pt idx="53">
                  <c:v>220.07900000000001</c:v>
                </c:pt>
                <c:pt idx="54">
                  <c:v>219.88300000000001</c:v>
                </c:pt>
                <c:pt idx="55">
                  <c:v>218.946</c:v>
                </c:pt>
                <c:pt idx="56">
                  <c:v>220.28700000000001</c:v>
                </c:pt>
                <c:pt idx="57">
                  <c:v>217.929</c:v>
                </c:pt>
                <c:pt idx="58">
                  <c:v>221.20099999999999</c:v>
                </c:pt>
                <c:pt idx="59">
                  <c:v>218.44900000000001</c:v>
                </c:pt>
                <c:pt idx="60">
                  <c:v>217.25299999999999</c:v>
                </c:pt>
                <c:pt idx="61">
                  <c:v>218.22300000000001</c:v>
                </c:pt>
                <c:pt idx="62">
                  <c:v>217.506</c:v>
                </c:pt>
                <c:pt idx="63">
                  <c:v>217.67</c:v>
                </c:pt>
                <c:pt idx="64">
                  <c:v>217.27</c:v>
                </c:pt>
                <c:pt idx="65">
                  <c:v>218.03700000000001</c:v>
                </c:pt>
                <c:pt idx="66">
                  <c:v>218.49299999999999</c:v>
                </c:pt>
                <c:pt idx="67">
                  <c:v>219.273</c:v>
                </c:pt>
                <c:pt idx="68">
                  <c:v>217.53800000000001</c:v>
                </c:pt>
                <c:pt idx="69">
                  <c:v>215.65100000000001</c:v>
                </c:pt>
                <c:pt idx="70">
                  <c:v>218.666</c:v>
                </c:pt>
                <c:pt idx="71">
                  <c:v>219.065</c:v>
                </c:pt>
                <c:pt idx="72">
                  <c:v>216.845</c:v>
                </c:pt>
                <c:pt idx="73">
                  <c:v>216.87100000000001</c:v>
                </c:pt>
                <c:pt idx="74">
                  <c:v>217.82499999999999</c:v>
                </c:pt>
                <c:pt idx="75">
                  <c:v>217.25</c:v>
                </c:pt>
                <c:pt idx="76">
                  <c:v>217.21899999999999</c:v>
                </c:pt>
                <c:pt idx="77">
                  <c:v>217.87799999999999</c:v>
                </c:pt>
                <c:pt idx="78">
                  <c:v>216.178</c:v>
                </c:pt>
                <c:pt idx="79">
                  <c:v>215.90700000000001</c:v>
                </c:pt>
                <c:pt idx="80">
                  <c:v>215.88</c:v>
                </c:pt>
                <c:pt idx="81">
                  <c:v>214.732</c:v>
                </c:pt>
                <c:pt idx="82">
                  <c:v>216.20400000000001</c:v>
                </c:pt>
                <c:pt idx="83">
                  <c:v>215.68899999999999</c:v>
                </c:pt>
                <c:pt idx="84">
                  <c:v>214.352</c:v>
                </c:pt>
                <c:pt idx="85">
                  <c:v>215.69300000000001</c:v>
                </c:pt>
                <c:pt idx="86">
                  <c:v>214.96299999999999</c:v>
                </c:pt>
                <c:pt idx="87">
                  <c:v>215.642</c:v>
                </c:pt>
                <c:pt idx="88">
                  <c:v>215.947</c:v>
                </c:pt>
                <c:pt idx="89">
                  <c:v>214.61799999999999</c:v>
                </c:pt>
                <c:pt idx="90">
                  <c:v>215.321</c:v>
                </c:pt>
                <c:pt idx="91">
                  <c:v>215.203</c:v>
                </c:pt>
                <c:pt idx="92">
                  <c:v>220.03299999999999</c:v>
                </c:pt>
                <c:pt idx="93">
                  <c:v>215.11</c:v>
                </c:pt>
                <c:pt idx="94">
                  <c:v>215.828</c:v>
                </c:pt>
                <c:pt idx="95">
                  <c:v>214.05099999999999</c:v>
                </c:pt>
                <c:pt idx="96">
                  <c:v>213.727</c:v>
                </c:pt>
                <c:pt idx="97">
                  <c:v>214.215</c:v>
                </c:pt>
                <c:pt idx="98">
                  <c:v>213.923</c:v>
                </c:pt>
                <c:pt idx="99">
                  <c:v>215.18600000000001</c:v>
                </c:pt>
                <c:pt idx="100">
                  <c:v>214.27699999999999</c:v>
                </c:pt>
                <c:pt idx="101">
                  <c:v>214.89099999999999</c:v>
                </c:pt>
                <c:pt idx="102">
                  <c:v>214.58099999999999</c:v>
                </c:pt>
                <c:pt idx="103">
                  <c:v>214.02699999999999</c:v>
                </c:pt>
                <c:pt idx="104">
                  <c:v>214.244</c:v>
                </c:pt>
                <c:pt idx="105">
                  <c:v>215.828</c:v>
                </c:pt>
                <c:pt idx="106">
                  <c:v>214.26499999999999</c:v>
                </c:pt>
                <c:pt idx="107">
                  <c:v>215.881</c:v>
                </c:pt>
                <c:pt idx="108">
                  <c:v>212.727</c:v>
                </c:pt>
                <c:pt idx="109">
                  <c:v>213.994</c:v>
                </c:pt>
                <c:pt idx="110">
                  <c:v>214.85499999999999</c:v>
                </c:pt>
                <c:pt idx="111">
                  <c:v>214.767</c:v>
                </c:pt>
                <c:pt idx="112">
                  <c:v>214.98400000000001</c:v>
                </c:pt>
                <c:pt idx="113">
                  <c:v>214.20400000000001</c:v>
                </c:pt>
                <c:pt idx="114">
                  <c:v>213.172</c:v>
                </c:pt>
                <c:pt idx="115">
                  <c:v>216.30500000000001</c:v>
                </c:pt>
                <c:pt idx="116">
                  <c:v>214.542</c:v>
                </c:pt>
                <c:pt idx="117">
                  <c:v>216.46299999999999</c:v>
                </c:pt>
                <c:pt idx="118">
                  <c:v>214.898</c:v>
                </c:pt>
                <c:pt idx="119">
                  <c:v>214.25200000000001</c:v>
                </c:pt>
                <c:pt idx="120">
                  <c:v>212.512</c:v>
                </c:pt>
                <c:pt idx="121">
                  <c:v>212.828</c:v>
                </c:pt>
                <c:pt idx="122">
                  <c:v>213.953</c:v>
                </c:pt>
                <c:pt idx="123">
                  <c:v>213.767</c:v>
                </c:pt>
                <c:pt idx="124">
                  <c:v>212.79599999999999</c:v>
                </c:pt>
                <c:pt idx="125">
                  <c:v>213.03100000000001</c:v>
                </c:pt>
                <c:pt idx="126">
                  <c:v>212.703</c:v>
                </c:pt>
                <c:pt idx="127">
                  <c:v>212.947</c:v>
                </c:pt>
                <c:pt idx="128">
                  <c:v>212.92</c:v>
                </c:pt>
                <c:pt idx="129">
                  <c:v>212.50299999999999</c:v>
                </c:pt>
                <c:pt idx="130">
                  <c:v>213.809</c:v>
                </c:pt>
                <c:pt idx="131">
                  <c:v>213.07599999999999</c:v>
                </c:pt>
                <c:pt idx="132">
                  <c:v>212.65</c:v>
                </c:pt>
                <c:pt idx="133">
                  <c:v>215.25399999999999</c:v>
                </c:pt>
                <c:pt idx="134">
                  <c:v>213.869</c:v>
                </c:pt>
                <c:pt idx="135">
                  <c:v>212.66499999999999</c:v>
                </c:pt>
                <c:pt idx="136">
                  <c:v>213.28299999999999</c:v>
                </c:pt>
                <c:pt idx="137">
                  <c:v>212.86099999999999</c:v>
                </c:pt>
                <c:pt idx="138">
                  <c:v>212.35300000000001</c:v>
                </c:pt>
                <c:pt idx="139">
                  <c:v>213.971</c:v>
                </c:pt>
                <c:pt idx="140">
                  <c:v>215.12100000000001</c:v>
                </c:pt>
                <c:pt idx="141">
                  <c:v>213.18899999999999</c:v>
                </c:pt>
                <c:pt idx="142">
                  <c:v>213.995</c:v>
                </c:pt>
                <c:pt idx="143">
                  <c:v>213.06899999999999</c:v>
                </c:pt>
                <c:pt idx="144">
                  <c:v>212.614</c:v>
                </c:pt>
                <c:pt idx="145">
                  <c:v>214.14099999999999</c:v>
                </c:pt>
                <c:pt idx="146">
                  <c:v>214.261</c:v>
                </c:pt>
                <c:pt idx="147">
                  <c:v>213.916</c:v>
                </c:pt>
                <c:pt idx="148">
                  <c:v>213.51499999999999</c:v>
                </c:pt>
                <c:pt idx="149">
                  <c:v>214.21700000000001</c:v>
                </c:pt>
                <c:pt idx="150">
                  <c:v>214.221</c:v>
                </c:pt>
                <c:pt idx="151">
                  <c:v>212.76400000000001</c:v>
                </c:pt>
                <c:pt idx="152">
                  <c:v>216.036</c:v>
                </c:pt>
                <c:pt idx="153">
                  <c:v>214.756</c:v>
                </c:pt>
                <c:pt idx="154">
                  <c:v>213.387</c:v>
                </c:pt>
                <c:pt idx="155">
                  <c:v>212.857</c:v>
                </c:pt>
                <c:pt idx="156">
                  <c:v>216.297</c:v>
                </c:pt>
                <c:pt idx="157">
                  <c:v>216.72300000000001</c:v>
                </c:pt>
                <c:pt idx="158">
                  <c:v>215.35</c:v>
                </c:pt>
                <c:pt idx="159">
                  <c:v>213.69800000000001</c:v>
                </c:pt>
                <c:pt idx="160">
                  <c:v>213.09399999999999</c:v>
                </c:pt>
                <c:pt idx="161">
                  <c:v>214.35</c:v>
                </c:pt>
                <c:pt idx="162">
                  <c:v>214.197</c:v>
                </c:pt>
                <c:pt idx="163">
                  <c:v>213.19800000000001</c:v>
                </c:pt>
                <c:pt idx="164">
                  <c:v>213.821</c:v>
                </c:pt>
                <c:pt idx="165">
                  <c:v>213.57499999999999</c:v>
                </c:pt>
                <c:pt idx="166">
                  <c:v>213.81200000000001</c:v>
                </c:pt>
                <c:pt idx="167">
                  <c:v>214.828</c:v>
                </c:pt>
                <c:pt idx="168">
                  <c:v>212.89500000000001</c:v>
                </c:pt>
                <c:pt idx="169">
                  <c:v>213.06700000000001</c:v>
                </c:pt>
                <c:pt idx="170">
                  <c:v>214.459</c:v>
                </c:pt>
                <c:pt idx="171">
                  <c:v>212.73099999999999</c:v>
                </c:pt>
                <c:pt idx="172">
                  <c:v>213.97300000000001</c:v>
                </c:pt>
                <c:pt idx="173">
                  <c:v>214.63</c:v>
                </c:pt>
                <c:pt idx="174">
                  <c:v>213.06399999999999</c:v>
                </c:pt>
                <c:pt idx="175">
                  <c:v>213.221</c:v>
                </c:pt>
                <c:pt idx="176">
                  <c:v>213.19499999999999</c:v>
                </c:pt>
                <c:pt idx="177">
                  <c:v>213.929</c:v>
                </c:pt>
                <c:pt idx="178">
                  <c:v>212.52699999999999</c:v>
                </c:pt>
                <c:pt idx="179">
                  <c:v>213.358</c:v>
                </c:pt>
                <c:pt idx="180">
                  <c:v>213.21100000000001</c:v>
                </c:pt>
                <c:pt idx="181">
                  <c:v>212.99600000000001</c:v>
                </c:pt>
                <c:pt idx="182">
                  <c:v>214.304</c:v>
                </c:pt>
                <c:pt idx="183">
                  <c:v>213.37100000000001</c:v>
                </c:pt>
                <c:pt idx="184">
                  <c:v>213.73099999999999</c:v>
                </c:pt>
                <c:pt idx="185">
                  <c:v>212.67599999999999</c:v>
                </c:pt>
                <c:pt idx="186">
                  <c:v>214.21</c:v>
                </c:pt>
                <c:pt idx="187">
                  <c:v>213.001</c:v>
                </c:pt>
                <c:pt idx="188">
                  <c:v>212.69</c:v>
                </c:pt>
                <c:pt idx="189">
                  <c:v>213.83799999999999</c:v>
                </c:pt>
                <c:pt idx="190">
                  <c:v>212.78299999999999</c:v>
                </c:pt>
                <c:pt idx="191">
                  <c:v>213.20500000000001</c:v>
                </c:pt>
                <c:pt idx="192">
                  <c:v>213.57400000000001</c:v>
                </c:pt>
                <c:pt idx="193">
                  <c:v>213.44</c:v>
                </c:pt>
                <c:pt idx="194">
                  <c:v>213.17400000000001</c:v>
                </c:pt>
                <c:pt idx="195">
                  <c:v>213.72399999999999</c:v>
                </c:pt>
                <c:pt idx="196">
                  <c:v>212.56700000000001</c:v>
                </c:pt>
                <c:pt idx="197">
                  <c:v>215.38399999999999</c:v>
                </c:pt>
                <c:pt idx="198">
                  <c:v>214.06800000000001</c:v>
                </c:pt>
                <c:pt idx="199">
                  <c:v>214.34800000000001</c:v>
                </c:pt>
                <c:pt idx="200">
                  <c:v>213.345</c:v>
                </c:pt>
                <c:pt idx="201">
                  <c:v>213.876</c:v>
                </c:pt>
                <c:pt idx="202">
                  <c:v>214.59399999999999</c:v>
                </c:pt>
                <c:pt idx="203">
                  <c:v>214.708</c:v>
                </c:pt>
                <c:pt idx="204">
                  <c:v>213.965</c:v>
                </c:pt>
                <c:pt idx="205">
                  <c:v>213.75200000000001</c:v>
                </c:pt>
                <c:pt idx="206">
                  <c:v>213.828</c:v>
                </c:pt>
                <c:pt idx="207">
                  <c:v>213.36500000000001</c:v>
                </c:pt>
                <c:pt idx="208">
                  <c:v>215.185</c:v>
                </c:pt>
                <c:pt idx="209">
                  <c:v>213.07300000000001</c:v>
                </c:pt>
                <c:pt idx="210">
                  <c:v>213.4</c:v>
                </c:pt>
                <c:pt idx="211">
                  <c:v>214.02799999999999</c:v>
                </c:pt>
                <c:pt idx="212">
                  <c:v>214.447</c:v>
                </c:pt>
                <c:pt idx="213">
                  <c:v>213.84800000000001</c:v>
                </c:pt>
                <c:pt idx="214">
                  <c:v>214.71299999999999</c:v>
                </c:pt>
                <c:pt idx="215">
                  <c:v>214.07599999999999</c:v>
                </c:pt>
                <c:pt idx="216">
                  <c:v>213.89599999999999</c:v>
                </c:pt>
                <c:pt idx="217">
                  <c:v>212.40199999999999</c:v>
                </c:pt>
                <c:pt idx="218">
                  <c:v>215.67</c:v>
                </c:pt>
                <c:pt idx="219">
                  <c:v>213.649</c:v>
                </c:pt>
                <c:pt idx="220">
                  <c:v>214.40700000000001</c:v>
                </c:pt>
                <c:pt idx="221">
                  <c:v>215.00299999999999</c:v>
                </c:pt>
                <c:pt idx="222">
                  <c:v>213.05799999999999</c:v>
                </c:pt>
                <c:pt idx="223">
                  <c:v>212.95500000000001</c:v>
                </c:pt>
                <c:pt idx="224">
                  <c:v>214.08500000000001</c:v>
                </c:pt>
                <c:pt idx="225">
                  <c:v>216.23699999999999</c:v>
                </c:pt>
                <c:pt idx="226">
                  <c:v>215.715</c:v>
                </c:pt>
                <c:pt idx="227">
                  <c:v>217.77799999999999</c:v>
                </c:pt>
                <c:pt idx="228">
                  <c:v>213.94800000000001</c:v>
                </c:pt>
                <c:pt idx="229">
                  <c:v>214.262</c:v>
                </c:pt>
                <c:pt idx="230">
                  <c:v>213.60599999999999</c:v>
                </c:pt>
                <c:pt idx="231">
                  <c:v>214.18799999999999</c:v>
                </c:pt>
                <c:pt idx="232">
                  <c:v>214.46600000000001</c:v>
                </c:pt>
                <c:pt idx="233">
                  <c:v>213.44499999999999</c:v>
                </c:pt>
                <c:pt idx="234">
                  <c:v>213.37299999999999</c:v>
                </c:pt>
                <c:pt idx="235">
                  <c:v>214.89400000000001</c:v>
                </c:pt>
                <c:pt idx="236">
                  <c:v>214.12299999999999</c:v>
                </c:pt>
                <c:pt idx="237">
                  <c:v>214.59399999999999</c:v>
                </c:pt>
                <c:pt idx="238">
                  <c:v>214.292</c:v>
                </c:pt>
                <c:pt idx="239">
                  <c:v>212.506</c:v>
                </c:pt>
                <c:pt idx="240">
                  <c:v>212.107</c:v>
                </c:pt>
                <c:pt idx="241">
                  <c:v>212.857</c:v>
                </c:pt>
                <c:pt idx="242">
                  <c:v>212.44300000000001</c:v>
                </c:pt>
                <c:pt idx="243">
                  <c:v>211.90299999999999</c:v>
                </c:pt>
                <c:pt idx="244">
                  <c:v>212.46899999999999</c:v>
                </c:pt>
                <c:pt idx="245">
                  <c:v>213.083</c:v>
                </c:pt>
                <c:pt idx="246">
                  <c:v>213.35</c:v>
                </c:pt>
                <c:pt idx="247">
                  <c:v>212.249</c:v>
                </c:pt>
                <c:pt idx="248">
                  <c:v>211.97399999999999</c:v>
                </c:pt>
                <c:pt idx="249">
                  <c:v>212.06899999999999</c:v>
                </c:pt>
                <c:pt idx="250">
                  <c:v>212.499</c:v>
                </c:pt>
                <c:pt idx="251">
                  <c:v>212.28100000000001</c:v>
                </c:pt>
                <c:pt idx="252">
                  <c:v>212.126</c:v>
                </c:pt>
                <c:pt idx="253">
                  <c:v>212.48599999999999</c:v>
                </c:pt>
                <c:pt idx="254">
                  <c:v>211.994</c:v>
                </c:pt>
                <c:pt idx="255">
                  <c:v>211.86500000000001</c:v>
                </c:pt>
              </c:numCache>
            </c:numRef>
          </c:val>
          <c:smooth val="0"/>
          <c:extLst>
            <c:ext xmlns:c16="http://schemas.microsoft.com/office/drawing/2014/chart" uri="{C3380CC4-5D6E-409C-BE32-E72D297353CC}">
              <c16:uniqueId val="{00000005-EDFE-43AF-95BB-7A5591816394}"/>
            </c:ext>
          </c:extLst>
        </c:ser>
        <c:dLbls>
          <c:showLegendKey val="0"/>
          <c:showVal val="0"/>
          <c:showCatName val="0"/>
          <c:showSerName val="0"/>
          <c:showPercent val="0"/>
          <c:showBubbleSize val="0"/>
        </c:dLbls>
        <c:smooth val="0"/>
        <c:axId val="256178720"/>
        <c:axId val="256176800"/>
      </c:lineChart>
      <c:catAx>
        <c:axId val="25617872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56176800"/>
        <c:crosses val="autoZero"/>
        <c:auto val="1"/>
        <c:lblAlgn val="ctr"/>
        <c:lblOffset val="100"/>
        <c:noMultiLvlLbl val="0"/>
      </c:catAx>
      <c:valAx>
        <c:axId val="25617680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561787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2_results_7down!$B$1</c:f>
              <c:strCache>
                <c:ptCount val="1"/>
                <c:pt idx="0">
                  <c:v>8 threads</c:v>
                </c:pt>
              </c:strCache>
            </c:strRef>
          </c:tx>
          <c:spPr>
            <a:ln w="28575" cap="rnd">
              <a:solidFill>
                <a:schemeClr val="accent1"/>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B$2:$B$251</c:f>
              <c:numCache>
                <c:formatCode>General</c:formatCode>
                <c:ptCount val="250"/>
                <c:pt idx="0">
                  <c:v>366.63200000000001</c:v>
                </c:pt>
                <c:pt idx="1">
                  <c:v>351.28199999999998</c:v>
                </c:pt>
                <c:pt idx="2">
                  <c:v>395.75</c:v>
                </c:pt>
                <c:pt idx="3">
                  <c:v>402.97</c:v>
                </c:pt>
                <c:pt idx="4">
                  <c:v>389.76600000000002</c:v>
                </c:pt>
                <c:pt idx="5">
                  <c:v>371.56299999999999</c:v>
                </c:pt>
                <c:pt idx="6">
                  <c:v>365.75400000000002</c:v>
                </c:pt>
                <c:pt idx="7">
                  <c:v>356.85599999999999</c:v>
                </c:pt>
                <c:pt idx="8">
                  <c:v>336.31900000000002</c:v>
                </c:pt>
                <c:pt idx="9">
                  <c:v>324.84699999999998</c:v>
                </c:pt>
                <c:pt idx="10">
                  <c:v>350.53899999999999</c:v>
                </c:pt>
                <c:pt idx="11">
                  <c:v>372.04300000000001</c:v>
                </c:pt>
                <c:pt idx="12">
                  <c:v>374.62299999999999</c:v>
                </c:pt>
                <c:pt idx="13">
                  <c:v>355.90199999999999</c:v>
                </c:pt>
                <c:pt idx="14">
                  <c:v>350.54899999999998</c:v>
                </c:pt>
                <c:pt idx="15">
                  <c:v>341.74</c:v>
                </c:pt>
                <c:pt idx="16">
                  <c:v>335.99700000000001</c:v>
                </c:pt>
                <c:pt idx="17">
                  <c:v>324.24200000000002</c:v>
                </c:pt>
                <c:pt idx="18">
                  <c:v>324.32100000000003</c:v>
                </c:pt>
                <c:pt idx="19">
                  <c:v>367.76299999999998</c:v>
                </c:pt>
                <c:pt idx="20">
                  <c:v>361.37599999999998</c:v>
                </c:pt>
                <c:pt idx="21">
                  <c:v>359.85</c:v>
                </c:pt>
                <c:pt idx="22">
                  <c:v>352.24599999999998</c:v>
                </c:pt>
                <c:pt idx="23">
                  <c:v>343.42200000000003</c:v>
                </c:pt>
                <c:pt idx="24">
                  <c:v>344.31900000000002</c:v>
                </c:pt>
                <c:pt idx="25">
                  <c:v>329.45299999999997</c:v>
                </c:pt>
                <c:pt idx="26">
                  <c:v>338.16399999999999</c:v>
                </c:pt>
                <c:pt idx="27">
                  <c:v>330.51799999999997</c:v>
                </c:pt>
                <c:pt idx="28">
                  <c:v>350.834</c:v>
                </c:pt>
                <c:pt idx="29">
                  <c:v>345.90600000000001</c:v>
                </c:pt>
                <c:pt idx="30">
                  <c:v>336.21100000000001</c:v>
                </c:pt>
                <c:pt idx="31">
                  <c:v>336.67</c:v>
                </c:pt>
                <c:pt idx="32">
                  <c:v>337.32299999999998</c:v>
                </c:pt>
                <c:pt idx="33">
                  <c:v>332.62599999999998</c:v>
                </c:pt>
                <c:pt idx="34">
                  <c:v>333.30700000000002</c:v>
                </c:pt>
                <c:pt idx="35">
                  <c:v>326.89600000000002</c:v>
                </c:pt>
                <c:pt idx="36">
                  <c:v>327.14600000000002</c:v>
                </c:pt>
                <c:pt idx="37">
                  <c:v>342.34300000000002</c:v>
                </c:pt>
                <c:pt idx="38">
                  <c:v>339.53800000000001</c:v>
                </c:pt>
                <c:pt idx="39">
                  <c:v>339.05700000000002</c:v>
                </c:pt>
                <c:pt idx="40">
                  <c:v>342.089</c:v>
                </c:pt>
                <c:pt idx="41">
                  <c:v>327.35700000000003</c:v>
                </c:pt>
                <c:pt idx="42">
                  <c:v>323.54599999999999</c:v>
                </c:pt>
                <c:pt idx="43">
                  <c:v>324.94400000000002</c:v>
                </c:pt>
                <c:pt idx="44">
                  <c:v>333.851</c:v>
                </c:pt>
                <c:pt idx="45">
                  <c:v>325.17500000000001</c:v>
                </c:pt>
                <c:pt idx="46">
                  <c:v>325.7</c:v>
                </c:pt>
                <c:pt idx="47">
                  <c:v>336.11900000000003</c:v>
                </c:pt>
                <c:pt idx="48">
                  <c:v>336.25299999999999</c:v>
                </c:pt>
                <c:pt idx="49">
                  <c:v>332.98899999999998</c:v>
                </c:pt>
                <c:pt idx="50">
                  <c:v>331.20100000000002</c:v>
                </c:pt>
                <c:pt idx="51">
                  <c:v>332.577</c:v>
                </c:pt>
                <c:pt idx="52">
                  <c:v>334.64600000000002</c:v>
                </c:pt>
                <c:pt idx="53">
                  <c:v>334.02199999999999</c:v>
                </c:pt>
                <c:pt idx="54">
                  <c:v>333.01600000000002</c:v>
                </c:pt>
                <c:pt idx="55">
                  <c:v>334.43599999999998</c:v>
                </c:pt>
                <c:pt idx="56">
                  <c:v>335.31700000000001</c:v>
                </c:pt>
                <c:pt idx="57">
                  <c:v>334.71600000000001</c:v>
                </c:pt>
                <c:pt idx="58">
                  <c:v>334.59699999999998</c:v>
                </c:pt>
                <c:pt idx="59">
                  <c:v>334.65699999999998</c:v>
                </c:pt>
                <c:pt idx="60">
                  <c:v>333.89699999999999</c:v>
                </c:pt>
                <c:pt idx="61">
                  <c:v>334.51400000000001</c:v>
                </c:pt>
                <c:pt idx="62">
                  <c:v>331.48</c:v>
                </c:pt>
                <c:pt idx="63">
                  <c:v>332.08699999999999</c:v>
                </c:pt>
                <c:pt idx="64">
                  <c:v>332.47399999999999</c:v>
                </c:pt>
                <c:pt idx="65">
                  <c:v>336.05</c:v>
                </c:pt>
                <c:pt idx="66">
                  <c:v>331.53800000000001</c:v>
                </c:pt>
                <c:pt idx="67">
                  <c:v>331.43299999999999</c:v>
                </c:pt>
                <c:pt idx="68">
                  <c:v>334.46899999999999</c:v>
                </c:pt>
                <c:pt idx="69">
                  <c:v>332.5</c:v>
                </c:pt>
                <c:pt idx="70">
                  <c:v>332.24</c:v>
                </c:pt>
                <c:pt idx="71">
                  <c:v>332.19600000000003</c:v>
                </c:pt>
                <c:pt idx="72">
                  <c:v>333.23700000000002</c:v>
                </c:pt>
                <c:pt idx="73">
                  <c:v>326.08300000000003</c:v>
                </c:pt>
                <c:pt idx="74">
                  <c:v>325.51900000000001</c:v>
                </c:pt>
                <c:pt idx="75">
                  <c:v>327.76100000000002</c:v>
                </c:pt>
                <c:pt idx="76">
                  <c:v>325.892</c:v>
                </c:pt>
                <c:pt idx="77">
                  <c:v>326.18200000000002</c:v>
                </c:pt>
                <c:pt idx="78">
                  <c:v>322.99299999999999</c:v>
                </c:pt>
                <c:pt idx="79">
                  <c:v>325.125</c:v>
                </c:pt>
                <c:pt idx="80">
                  <c:v>325.767</c:v>
                </c:pt>
                <c:pt idx="81">
                  <c:v>331.84500000000003</c:v>
                </c:pt>
                <c:pt idx="82">
                  <c:v>325.834</c:v>
                </c:pt>
                <c:pt idx="83">
                  <c:v>327.47899999999998</c:v>
                </c:pt>
                <c:pt idx="84">
                  <c:v>326.33499999999998</c:v>
                </c:pt>
                <c:pt idx="85">
                  <c:v>327.41000000000003</c:v>
                </c:pt>
                <c:pt idx="86">
                  <c:v>322.09399999999999</c:v>
                </c:pt>
                <c:pt idx="87">
                  <c:v>339.303</c:v>
                </c:pt>
                <c:pt idx="88">
                  <c:v>327.065</c:v>
                </c:pt>
                <c:pt idx="89">
                  <c:v>326.553</c:v>
                </c:pt>
                <c:pt idx="90">
                  <c:v>325.07900000000001</c:v>
                </c:pt>
                <c:pt idx="91">
                  <c:v>326.73599999999999</c:v>
                </c:pt>
                <c:pt idx="92">
                  <c:v>324.32</c:v>
                </c:pt>
                <c:pt idx="93">
                  <c:v>329.596</c:v>
                </c:pt>
                <c:pt idx="94">
                  <c:v>325.25299999999999</c:v>
                </c:pt>
                <c:pt idx="95">
                  <c:v>324.95400000000001</c:v>
                </c:pt>
                <c:pt idx="96">
                  <c:v>325.94600000000003</c:v>
                </c:pt>
                <c:pt idx="97">
                  <c:v>326.33999999999997</c:v>
                </c:pt>
                <c:pt idx="98">
                  <c:v>327.94600000000003</c:v>
                </c:pt>
                <c:pt idx="99">
                  <c:v>324.98200000000003</c:v>
                </c:pt>
                <c:pt idx="100">
                  <c:v>326.68</c:v>
                </c:pt>
                <c:pt idx="101">
                  <c:v>328.09800000000001</c:v>
                </c:pt>
                <c:pt idx="102">
                  <c:v>325.05799999999999</c:v>
                </c:pt>
                <c:pt idx="103">
                  <c:v>323.11500000000001</c:v>
                </c:pt>
                <c:pt idx="104">
                  <c:v>324.35399999999998</c:v>
                </c:pt>
                <c:pt idx="105">
                  <c:v>324.10199999999998</c:v>
                </c:pt>
                <c:pt idx="106">
                  <c:v>331.38900000000001</c:v>
                </c:pt>
                <c:pt idx="107">
                  <c:v>325.18900000000002</c:v>
                </c:pt>
                <c:pt idx="108">
                  <c:v>322.49400000000003</c:v>
                </c:pt>
                <c:pt idx="109">
                  <c:v>338.06700000000001</c:v>
                </c:pt>
                <c:pt idx="110">
                  <c:v>329.065</c:v>
                </c:pt>
                <c:pt idx="111">
                  <c:v>321.72800000000001</c:v>
                </c:pt>
                <c:pt idx="112">
                  <c:v>323.25200000000001</c:v>
                </c:pt>
                <c:pt idx="113">
                  <c:v>323.77499999999998</c:v>
                </c:pt>
                <c:pt idx="114">
                  <c:v>323.541</c:v>
                </c:pt>
                <c:pt idx="115">
                  <c:v>324.14999999999998</c:v>
                </c:pt>
                <c:pt idx="116">
                  <c:v>325.49799999999999</c:v>
                </c:pt>
                <c:pt idx="117">
                  <c:v>324.27300000000002</c:v>
                </c:pt>
                <c:pt idx="118">
                  <c:v>322.00400000000002</c:v>
                </c:pt>
                <c:pt idx="119">
                  <c:v>324.10399999999998</c:v>
                </c:pt>
                <c:pt idx="120">
                  <c:v>330.447</c:v>
                </c:pt>
                <c:pt idx="121">
                  <c:v>323.25799999999998</c:v>
                </c:pt>
                <c:pt idx="122">
                  <c:v>325.459</c:v>
                </c:pt>
                <c:pt idx="123">
                  <c:v>321.96699999999998</c:v>
                </c:pt>
                <c:pt idx="124">
                  <c:v>323.97399999999999</c:v>
                </c:pt>
                <c:pt idx="125">
                  <c:v>324.35199999999998</c:v>
                </c:pt>
                <c:pt idx="126">
                  <c:v>324.11399999999998</c:v>
                </c:pt>
                <c:pt idx="127">
                  <c:v>326.36900000000003</c:v>
                </c:pt>
                <c:pt idx="128">
                  <c:v>324.45499999999998</c:v>
                </c:pt>
                <c:pt idx="129">
                  <c:v>322.01900000000001</c:v>
                </c:pt>
                <c:pt idx="130">
                  <c:v>327.19400000000002</c:v>
                </c:pt>
                <c:pt idx="131">
                  <c:v>324.31599999999997</c:v>
                </c:pt>
                <c:pt idx="132">
                  <c:v>325.58600000000001</c:v>
                </c:pt>
                <c:pt idx="133">
                  <c:v>324.85700000000003</c:v>
                </c:pt>
                <c:pt idx="134">
                  <c:v>322.24299999999999</c:v>
                </c:pt>
                <c:pt idx="135">
                  <c:v>329.83100000000002</c:v>
                </c:pt>
                <c:pt idx="136">
                  <c:v>322.00700000000001</c:v>
                </c:pt>
                <c:pt idx="137">
                  <c:v>325.45699999999999</c:v>
                </c:pt>
                <c:pt idx="138">
                  <c:v>323.61900000000003</c:v>
                </c:pt>
                <c:pt idx="139">
                  <c:v>325.95299999999997</c:v>
                </c:pt>
                <c:pt idx="140">
                  <c:v>330.30500000000001</c:v>
                </c:pt>
                <c:pt idx="141">
                  <c:v>325.16699999999997</c:v>
                </c:pt>
                <c:pt idx="142">
                  <c:v>324.60899999999998</c:v>
                </c:pt>
                <c:pt idx="143">
                  <c:v>328.45</c:v>
                </c:pt>
                <c:pt idx="144">
                  <c:v>328.46499999999997</c:v>
                </c:pt>
                <c:pt idx="145">
                  <c:v>322.21199999999999</c:v>
                </c:pt>
                <c:pt idx="146">
                  <c:v>322.33199999999999</c:v>
                </c:pt>
                <c:pt idx="147">
                  <c:v>330.17599999999999</c:v>
                </c:pt>
                <c:pt idx="148">
                  <c:v>327.21899999999999</c:v>
                </c:pt>
                <c:pt idx="149">
                  <c:v>324.74900000000002</c:v>
                </c:pt>
                <c:pt idx="150">
                  <c:v>337.45600000000002</c:v>
                </c:pt>
                <c:pt idx="151">
                  <c:v>355.58</c:v>
                </c:pt>
                <c:pt idx="152">
                  <c:v>331.67700000000002</c:v>
                </c:pt>
                <c:pt idx="153">
                  <c:v>348.78199999999998</c:v>
                </c:pt>
                <c:pt idx="154">
                  <c:v>326.113</c:v>
                </c:pt>
                <c:pt idx="155">
                  <c:v>324.22699999999998</c:v>
                </c:pt>
                <c:pt idx="156">
                  <c:v>323.39499999999998</c:v>
                </c:pt>
                <c:pt idx="157">
                  <c:v>321.38299999999998</c:v>
                </c:pt>
                <c:pt idx="158">
                  <c:v>324.952</c:v>
                </c:pt>
                <c:pt idx="159">
                  <c:v>322.56400000000002</c:v>
                </c:pt>
                <c:pt idx="160">
                  <c:v>328.87299999999999</c:v>
                </c:pt>
                <c:pt idx="161">
                  <c:v>324.27800000000002</c:v>
                </c:pt>
                <c:pt idx="162">
                  <c:v>323.06900000000002</c:v>
                </c:pt>
                <c:pt idx="163">
                  <c:v>322.851</c:v>
                </c:pt>
                <c:pt idx="164">
                  <c:v>323.02199999999999</c:v>
                </c:pt>
                <c:pt idx="165">
                  <c:v>325.142</c:v>
                </c:pt>
                <c:pt idx="166">
                  <c:v>324.00900000000001</c:v>
                </c:pt>
                <c:pt idx="167">
                  <c:v>330.52199999999999</c:v>
                </c:pt>
                <c:pt idx="168">
                  <c:v>323.01900000000001</c:v>
                </c:pt>
                <c:pt idx="169">
                  <c:v>325.88400000000001</c:v>
                </c:pt>
                <c:pt idx="170">
                  <c:v>322.78399999999999</c:v>
                </c:pt>
                <c:pt idx="171">
                  <c:v>324.89800000000002</c:v>
                </c:pt>
                <c:pt idx="172">
                  <c:v>322.93900000000002</c:v>
                </c:pt>
                <c:pt idx="173">
                  <c:v>323.97199999999998</c:v>
                </c:pt>
                <c:pt idx="174">
                  <c:v>323.14400000000001</c:v>
                </c:pt>
                <c:pt idx="175">
                  <c:v>321.50900000000001</c:v>
                </c:pt>
                <c:pt idx="176">
                  <c:v>322.24599999999998</c:v>
                </c:pt>
                <c:pt idx="177">
                  <c:v>324.27999999999997</c:v>
                </c:pt>
                <c:pt idx="178">
                  <c:v>321.88499999999999</c:v>
                </c:pt>
                <c:pt idx="179">
                  <c:v>323.791</c:v>
                </c:pt>
                <c:pt idx="180">
                  <c:v>322.56599999999997</c:v>
                </c:pt>
                <c:pt idx="181">
                  <c:v>326.86500000000001</c:v>
                </c:pt>
                <c:pt idx="182">
                  <c:v>324.38799999999998</c:v>
                </c:pt>
                <c:pt idx="183">
                  <c:v>324.43200000000002</c:v>
                </c:pt>
                <c:pt idx="184">
                  <c:v>331.14800000000002</c:v>
                </c:pt>
                <c:pt idx="185">
                  <c:v>322.92200000000003</c:v>
                </c:pt>
                <c:pt idx="186">
                  <c:v>324.64499999999998</c:v>
                </c:pt>
                <c:pt idx="187">
                  <c:v>323.99200000000002</c:v>
                </c:pt>
                <c:pt idx="188">
                  <c:v>321.44099999999997</c:v>
                </c:pt>
                <c:pt idx="189">
                  <c:v>321.51299999999998</c:v>
                </c:pt>
                <c:pt idx="190">
                  <c:v>324.17899999999997</c:v>
                </c:pt>
                <c:pt idx="191">
                  <c:v>323.16899999999998</c:v>
                </c:pt>
                <c:pt idx="192">
                  <c:v>325.78399999999999</c:v>
                </c:pt>
                <c:pt idx="193">
                  <c:v>325.87900000000002</c:v>
                </c:pt>
                <c:pt idx="194">
                  <c:v>323.77100000000002</c:v>
                </c:pt>
                <c:pt idx="195">
                  <c:v>324.24900000000002</c:v>
                </c:pt>
                <c:pt idx="196">
                  <c:v>322.80099999999999</c:v>
                </c:pt>
                <c:pt idx="197">
                  <c:v>323.98599999999999</c:v>
                </c:pt>
                <c:pt idx="198">
                  <c:v>326.07400000000001</c:v>
                </c:pt>
                <c:pt idx="199">
                  <c:v>323.77199999999999</c:v>
                </c:pt>
                <c:pt idx="200">
                  <c:v>324.33600000000001</c:v>
                </c:pt>
                <c:pt idx="201">
                  <c:v>326.93400000000003</c:v>
                </c:pt>
                <c:pt idx="202">
                  <c:v>325.55799999999999</c:v>
                </c:pt>
                <c:pt idx="203">
                  <c:v>324.43400000000003</c:v>
                </c:pt>
                <c:pt idx="204">
                  <c:v>323.45800000000003</c:v>
                </c:pt>
                <c:pt idx="205">
                  <c:v>321.63499999999999</c:v>
                </c:pt>
                <c:pt idx="206">
                  <c:v>328.39699999999999</c:v>
                </c:pt>
                <c:pt idx="207">
                  <c:v>329.30700000000002</c:v>
                </c:pt>
                <c:pt idx="208">
                  <c:v>322.77</c:v>
                </c:pt>
                <c:pt idx="209">
                  <c:v>326.14499999999998</c:v>
                </c:pt>
                <c:pt idx="210">
                  <c:v>324.27800000000002</c:v>
                </c:pt>
                <c:pt idx="211">
                  <c:v>327.90100000000001</c:v>
                </c:pt>
                <c:pt idx="212">
                  <c:v>323.34800000000001</c:v>
                </c:pt>
                <c:pt idx="213">
                  <c:v>325.334</c:v>
                </c:pt>
                <c:pt idx="214">
                  <c:v>328.13400000000001</c:v>
                </c:pt>
                <c:pt idx="215">
                  <c:v>323.15600000000001</c:v>
                </c:pt>
                <c:pt idx="216">
                  <c:v>323.73399999999998</c:v>
                </c:pt>
                <c:pt idx="217">
                  <c:v>324.70600000000002</c:v>
                </c:pt>
                <c:pt idx="218">
                  <c:v>324.137</c:v>
                </c:pt>
                <c:pt idx="219">
                  <c:v>326.13799999999998</c:v>
                </c:pt>
                <c:pt idx="220">
                  <c:v>334.40600000000001</c:v>
                </c:pt>
                <c:pt idx="221">
                  <c:v>346.31700000000001</c:v>
                </c:pt>
                <c:pt idx="222">
                  <c:v>331.07100000000003</c:v>
                </c:pt>
                <c:pt idx="223">
                  <c:v>324.25</c:v>
                </c:pt>
                <c:pt idx="224">
                  <c:v>329.98899999999998</c:v>
                </c:pt>
                <c:pt idx="225">
                  <c:v>324.99299999999999</c:v>
                </c:pt>
                <c:pt idx="226">
                  <c:v>323.54199999999997</c:v>
                </c:pt>
                <c:pt idx="227">
                  <c:v>325.31900000000002</c:v>
                </c:pt>
                <c:pt idx="228">
                  <c:v>326.91899999999998</c:v>
                </c:pt>
                <c:pt idx="229">
                  <c:v>321.88099999999997</c:v>
                </c:pt>
                <c:pt idx="230">
                  <c:v>322.423</c:v>
                </c:pt>
                <c:pt idx="231">
                  <c:v>325.12799999999999</c:v>
                </c:pt>
                <c:pt idx="232">
                  <c:v>325.57</c:v>
                </c:pt>
                <c:pt idx="233">
                  <c:v>328.56400000000002</c:v>
                </c:pt>
                <c:pt idx="234">
                  <c:v>321.774</c:v>
                </c:pt>
                <c:pt idx="235">
                  <c:v>324.72199999999998</c:v>
                </c:pt>
                <c:pt idx="236">
                  <c:v>325.52800000000002</c:v>
                </c:pt>
                <c:pt idx="237">
                  <c:v>324.77699999999999</c:v>
                </c:pt>
                <c:pt idx="238">
                  <c:v>323.56400000000002</c:v>
                </c:pt>
                <c:pt idx="239">
                  <c:v>326.35500000000002</c:v>
                </c:pt>
                <c:pt idx="240">
                  <c:v>324.42700000000002</c:v>
                </c:pt>
                <c:pt idx="241">
                  <c:v>328.05399999999997</c:v>
                </c:pt>
                <c:pt idx="242">
                  <c:v>322.24200000000002</c:v>
                </c:pt>
                <c:pt idx="243">
                  <c:v>323.64</c:v>
                </c:pt>
                <c:pt idx="244">
                  <c:v>326.20100000000002</c:v>
                </c:pt>
                <c:pt idx="245">
                  <c:v>327.71699999999998</c:v>
                </c:pt>
                <c:pt idx="246">
                  <c:v>323.04300000000001</c:v>
                </c:pt>
                <c:pt idx="247">
                  <c:v>322.62700000000001</c:v>
                </c:pt>
                <c:pt idx="248">
                  <c:v>323.79599999999999</c:v>
                </c:pt>
                <c:pt idx="249">
                  <c:v>321.52199999999999</c:v>
                </c:pt>
              </c:numCache>
            </c:numRef>
          </c:val>
          <c:smooth val="0"/>
          <c:extLst>
            <c:ext xmlns:c16="http://schemas.microsoft.com/office/drawing/2014/chart" uri="{C3380CC4-5D6E-409C-BE32-E72D297353CC}">
              <c16:uniqueId val="{00000000-F584-4FFB-9789-5A779A768EE0}"/>
            </c:ext>
          </c:extLst>
        </c:ser>
        <c:ser>
          <c:idx val="1"/>
          <c:order val="1"/>
          <c:tx>
            <c:strRef>
              <c:f>test_2_results_7down!$C$1</c:f>
              <c:strCache>
                <c:ptCount val="1"/>
                <c:pt idx="0">
                  <c:v>16 thread</c:v>
                </c:pt>
              </c:strCache>
            </c:strRef>
          </c:tx>
          <c:spPr>
            <a:ln w="28575" cap="rnd">
              <a:solidFill>
                <a:schemeClr val="accent2"/>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C$2:$C$251</c:f>
              <c:numCache>
                <c:formatCode>General</c:formatCode>
                <c:ptCount val="250"/>
                <c:pt idx="0">
                  <c:v>367.96100000000001</c:v>
                </c:pt>
                <c:pt idx="1">
                  <c:v>350.18599999999998</c:v>
                </c:pt>
                <c:pt idx="2">
                  <c:v>337.50200000000001</c:v>
                </c:pt>
                <c:pt idx="3">
                  <c:v>328.45600000000002</c:v>
                </c:pt>
                <c:pt idx="4">
                  <c:v>303.06700000000001</c:v>
                </c:pt>
                <c:pt idx="5">
                  <c:v>292.94499999999999</c:v>
                </c:pt>
                <c:pt idx="6">
                  <c:v>291.60899999999998</c:v>
                </c:pt>
                <c:pt idx="7">
                  <c:v>288.74099999999999</c:v>
                </c:pt>
                <c:pt idx="8">
                  <c:v>275.12400000000002</c:v>
                </c:pt>
                <c:pt idx="9">
                  <c:v>269.464</c:v>
                </c:pt>
                <c:pt idx="10">
                  <c:v>266.60500000000002</c:v>
                </c:pt>
                <c:pt idx="11">
                  <c:v>288.86900000000003</c:v>
                </c:pt>
                <c:pt idx="12">
                  <c:v>294.34899999999999</c:v>
                </c:pt>
                <c:pt idx="13">
                  <c:v>288.649</c:v>
                </c:pt>
                <c:pt idx="14">
                  <c:v>284.072</c:v>
                </c:pt>
                <c:pt idx="15">
                  <c:v>277.06900000000002</c:v>
                </c:pt>
                <c:pt idx="16">
                  <c:v>273.601</c:v>
                </c:pt>
                <c:pt idx="17">
                  <c:v>268.54899999999998</c:v>
                </c:pt>
                <c:pt idx="18">
                  <c:v>267.16699999999997</c:v>
                </c:pt>
                <c:pt idx="19">
                  <c:v>263.60199999999998</c:v>
                </c:pt>
                <c:pt idx="20">
                  <c:v>265.10700000000003</c:v>
                </c:pt>
                <c:pt idx="21">
                  <c:v>269.61900000000003</c:v>
                </c:pt>
                <c:pt idx="22">
                  <c:v>263.375</c:v>
                </c:pt>
                <c:pt idx="23">
                  <c:v>254.477</c:v>
                </c:pt>
                <c:pt idx="24">
                  <c:v>256.11700000000002</c:v>
                </c:pt>
                <c:pt idx="25">
                  <c:v>251.40100000000001</c:v>
                </c:pt>
                <c:pt idx="26">
                  <c:v>250.465</c:v>
                </c:pt>
                <c:pt idx="27">
                  <c:v>251.8</c:v>
                </c:pt>
                <c:pt idx="28">
                  <c:v>260.053</c:v>
                </c:pt>
                <c:pt idx="29">
                  <c:v>263.72399999999999</c:v>
                </c:pt>
                <c:pt idx="30">
                  <c:v>261.81599999999997</c:v>
                </c:pt>
                <c:pt idx="31">
                  <c:v>256.82600000000002</c:v>
                </c:pt>
                <c:pt idx="32">
                  <c:v>258.13600000000002</c:v>
                </c:pt>
                <c:pt idx="33">
                  <c:v>257.28300000000002</c:v>
                </c:pt>
                <c:pt idx="34">
                  <c:v>256.57</c:v>
                </c:pt>
                <c:pt idx="35">
                  <c:v>259.53800000000001</c:v>
                </c:pt>
                <c:pt idx="36">
                  <c:v>256.22899999999998</c:v>
                </c:pt>
                <c:pt idx="37">
                  <c:v>251.63499999999999</c:v>
                </c:pt>
                <c:pt idx="38">
                  <c:v>253.565</c:v>
                </c:pt>
                <c:pt idx="39">
                  <c:v>250.74299999999999</c:v>
                </c:pt>
                <c:pt idx="40">
                  <c:v>252.364</c:v>
                </c:pt>
                <c:pt idx="41">
                  <c:v>254.809</c:v>
                </c:pt>
                <c:pt idx="42">
                  <c:v>252.12899999999999</c:v>
                </c:pt>
                <c:pt idx="43">
                  <c:v>253.221</c:v>
                </c:pt>
                <c:pt idx="44">
                  <c:v>252.65600000000001</c:v>
                </c:pt>
                <c:pt idx="45">
                  <c:v>250.55099999999999</c:v>
                </c:pt>
                <c:pt idx="46">
                  <c:v>253.905</c:v>
                </c:pt>
                <c:pt idx="47">
                  <c:v>250.42500000000001</c:v>
                </c:pt>
                <c:pt idx="48">
                  <c:v>253.744</c:v>
                </c:pt>
                <c:pt idx="49">
                  <c:v>252.315</c:v>
                </c:pt>
                <c:pt idx="50">
                  <c:v>249.334</c:v>
                </c:pt>
                <c:pt idx="51">
                  <c:v>253.292</c:v>
                </c:pt>
                <c:pt idx="52">
                  <c:v>258.13099999999997</c:v>
                </c:pt>
                <c:pt idx="53">
                  <c:v>248.19200000000001</c:v>
                </c:pt>
                <c:pt idx="54">
                  <c:v>250.893</c:v>
                </c:pt>
                <c:pt idx="55">
                  <c:v>248.178</c:v>
                </c:pt>
                <c:pt idx="56">
                  <c:v>250.27199999999999</c:v>
                </c:pt>
                <c:pt idx="57">
                  <c:v>249.56200000000001</c:v>
                </c:pt>
                <c:pt idx="58">
                  <c:v>247.59800000000001</c:v>
                </c:pt>
                <c:pt idx="59">
                  <c:v>249.04900000000001</c:v>
                </c:pt>
                <c:pt idx="60">
                  <c:v>252.37899999999999</c:v>
                </c:pt>
                <c:pt idx="61">
                  <c:v>250.40700000000001</c:v>
                </c:pt>
                <c:pt idx="62">
                  <c:v>244.53100000000001</c:v>
                </c:pt>
                <c:pt idx="63">
                  <c:v>248.905</c:v>
                </c:pt>
                <c:pt idx="64">
                  <c:v>249.726</c:v>
                </c:pt>
                <c:pt idx="65">
                  <c:v>247.13800000000001</c:v>
                </c:pt>
                <c:pt idx="66">
                  <c:v>247.05199999999999</c:v>
                </c:pt>
                <c:pt idx="67">
                  <c:v>245.821</c:v>
                </c:pt>
                <c:pt idx="68">
                  <c:v>246.143</c:v>
                </c:pt>
                <c:pt idx="69">
                  <c:v>245.81899999999999</c:v>
                </c:pt>
                <c:pt idx="70">
                  <c:v>248.548</c:v>
                </c:pt>
                <c:pt idx="71">
                  <c:v>245.31</c:v>
                </c:pt>
                <c:pt idx="72">
                  <c:v>247.553</c:v>
                </c:pt>
                <c:pt idx="73">
                  <c:v>245.673</c:v>
                </c:pt>
                <c:pt idx="74">
                  <c:v>245.68799999999999</c:v>
                </c:pt>
                <c:pt idx="75">
                  <c:v>246.18</c:v>
                </c:pt>
                <c:pt idx="76">
                  <c:v>246.85900000000001</c:v>
                </c:pt>
                <c:pt idx="77">
                  <c:v>246.49</c:v>
                </c:pt>
                <c:pt idx="78">
                  <c:v>245.66</c:v>
                </c:pt>
                <c:pt idx="79">
                  <c:v>246.083</c:v>
                </c:pt>
                <c:pt idx="80">
                  <c:v>243.90199999999999</c:v>
                </c:pt>
                <c:pt idx="81">
                  <c:v>246.77</c:v>
                </c:pt>
                <c:pt idx="82">
                  <c:v>245.95400000000001</c:v>
                </c:pt>
                <c:pt idx="83">
                  <c:v>245.64099999999999</c:v>
                </c:pt>
                <c:pt idx="84">
                  <c:v>245.727</c:v>
                </c:pt>
                <c:pt idx="85">
                  <c:v>245.74799999999999</c:v>
                </c:pt>
                <c:pt idx="86">
                  <c:v>257.89600000000002</c:v>
                </c:pt>
                <c:pt idx="87">
                  <c:v>246.10599999999999</c:v>
                </c:pt>
                <c:pt idx="88">
                  <c:v>246.28100000000001</c:v>
                </c:pt>
                <c:pt idx="89">
                  <c:v>248.154</c:v>
                </c:pt>
                <c:pt idx="90">
                  <c:v>244.97300000000001</c:v>
                </c:pt>
                <c:pt idx="91">
                  <c:v>246.173</c:v>
                </c:pt>
                <c:pt idx="92">
                  <c:v>248.393</c:v>
                </c:pt>
                <c:pt idx="93">
                  <c:v>245.68799999999999</c:v>
                </c:pt>
                <c:pt idx="94">
                  <c:v>244.048</c:v>
                </c:pt>
                <c:pt idx="95">
                  <c:v>243.899</c:v>
                </c:pt>
                <c:pt idx="96">
                  <c:v>242.64400000000001</c:v>
                </c:pt>
                <c:pt idx="97">
                  <c:v>281.50700000000001</c:v>
                </c:pt>
                <c:pt idx="98">
                  <c:v>245.85499999999999</c:v>
                </c:pt>
                <c:pt idx="99">
                  <c:v>244.75700000000001</c:v>
                </c:pt>
                <c:pt idx="100">
                  <c:v>244.11699999999999</c:v>
                </c:pt>
                <c:pt idx="101">
                  <c:v>245.2</c:v>
                </c:pt>
                <c:pt idx="102">
                  <c:v>244.589</c:v>
                </c:pt>
                <c:pt idx="103">
                  <c:v>244.97900000000001</c:v>
                </c:pt>
                <c:pt idx="104">
                  <c:v>244.773</c:v>
                </c:pt>
                <c:pt idx="105">
                  <c:v>245.155</c:v>
                </c:pt>
                <c:pt idx="106">
                  <c:v>247.39500000000001</c:v>
                </c:pt>
                <c:pt idx="107">
                  <c:v>244.75899999999999</c:v>
                </c:pt>
                <c:pt idx="108">
                  <c:v>245.71100000000001</c:v>
                </c:pt>
                <c:pt idx="109">
                  <c:v>243.15</c:v>
                </c:pt>
                <c:pt idx="110">
                  <c:v>246.21100000000001</c:v>
                </c:pt>
                <c:pt idx="111">
                  <c:v>244.27699999999999</c:v>
                </c:pt>
                <c:pt idx="112">
                  <c:v>243.39500000000001</c:v>
                </c:pt>
                <c:pt idx="113">
                  <c:v>243.459</c:v>
                </c:pt>
                <c:pt idx="114">
                  <c:v>244.35900000000001</c:v>
                </c:pt>
                <c:pt idx="115">
                  <c:v>241.43799999999999</c:v>
                </c:pt>
                <c:pt idx="116">
                  <c:v>242.45</c:v>
                </c:pt>
                <c:pt idx="117">
                  <c:v>241.91800000000001</c:v>
                </c:pt>
                <c:pt idx="118">
                  <c:v>242.16200000000001</c:v>
                </c:pt>
                <c:pt idx="119">
                  <c:v>241.93100000000001</c:v>
                </c:pt>
                <c:pt idx="120">
                  <c:v>242.56800000000001</c:v>
                </c:pt>
                <c:pt idx="121">
                  <c:v>243.63200000000001</c:v>
                </c:pt>
                <c:pt idx="122">
                  <c:v>242.35900000000001</c:v>
                </c:pt>
                <c:pt idx="123">
                  <c:v>240.99600000000001</c:v>
                </c:pt>
                <c:pt idx="124">
                  <c:v>242.447</c:v>
                </c:pt>
                <c:pt idx="125">
                  <c:v>242.62299999999999</c:v>
                </c:pt>
                <c:pt idx="126">
                  <c:v>242.107</c:v>
                </c:pt>
                <c:pt idx="127">
                  <c:v>241.89599999999999</c:v>
                </c:pt>
                <c:pt idx="128">
                  <c:v>243.51900000000001</c:v>
                </c:pt>
                <c:pt idx="129">
                  <c:v>243.69399999999999</c:v>
                </c:pt>
                <c:pt idx="130">
                  <c:v>242.22800000000001</c:v>
                </c:pt>
                <c:pt idx="131">
                  <c:v>243.857</c:v>
                </c:pt>
                <c:pt idx="132">
                  <c:v>241.56100000000001</c:v>
                </c:pt>
                <c:pt idx="133">
                  <c:v>242.52199999999999</c:v>
                </c:pt>
                <c:pt idx="134">
                  <c:v>241.495</c:v>
                </c:pt>
                <c:pt idx="135">
                  <c:v>242.73</c:v>
                </c:pt>
                <c:pt idx="136">
                  <c:v>241.988</c:v>
                </c:pt>
                <c:pt idx="137">
                  <c:v>241.10300000000001</c:v>
                </c:pt>
                <c:pt idx="138">
                  <c:v>243.01400000000001</c:v>
                </c:pt>
                <c:pt idx="139">
                  <c:v>241.43700000000001</c:v>
                </c:pt>
                <c:pt idx="140">
                  <c:v>241.827</c:v>
                </c:pt>
                <c:pt idx="141">
                  <c:v>243.32400000000001</c:v>
                </c:pt>
                <c:pt idx="142">
                  <c:v>241.67400000000001</c:v>
                </c:pt>
                <c:pt idx="143">
                  <c:v>242.89699999999999</c:v>
                </c:pt>
                <c:pt idx="144">
                  <c:v>241.857</c:v>
                </c:pt>
                <c:pt idx="145">
                  <c:v>242.63499999999999</c:v>
                </c:pt>
                <c:pt idx="146">
                  <c:v>245.51900000000001</c:v>
                </c:pt>
                <c:pt idx="147">
                  <c:v>248.62299999999999</c:v>
                </c:pt>
                <c:pt idx="148">
                  <c:v>243.43799999999999</c:v>
                </c:pt>
                <c:pt idx="149">
                  <c:v>241.67699999999999</c:v>
                </c:pt>
                <c:pt idx="150">
                  <c:v>250.405</c:v>
                </c:pt>
                <c:pt idx="151">
                  <c:v>246.012</c:v>
                </c:pt>
                <c:pt idx="152">
                  <c:v>241.33799999999999</c:v>
                </c:pt>
                <c:pt idx="153">
                  <c:v>242.57900000000001</c:v>
                </c:pt>
                <c:pt idx="154">
                  <c:v>240.61</c:v>
                </c:pt>
                <c:pt idx="155">
                  <c:v>241.619</c:v>
                </c:pt>
                <c:pt idx="156">
                  <c:v>241.40899999999999</c:v>
                </c:pt>
                <c:pt idx="157">
                  <c:v>240.35300000000001</c:v>
                </c:pt>
                <c:pt idx="158">
                  <c:v>239.51400000000001</c:v>
                </c:pt>
                <c:pt idx="159">
                  <c:v>240.017</c:v>
                </c:pt>
                <c:pt idx="160">
                  <c:v>240.95599999999999</c:v>
                </c:pt>
                <c:pt idx="161">
                  <c:v>240.25299999999999</c:v>
                </c:pt>
                <c:pt idx="162">
                  <c:v>240.697</c:v>
                </c:pt>
                <c:pt idx="163">
                  <c:v>239.827</c:v>
                </c:pt>
                <c:pt idx="164">
                  <c:v>240.54900000000001</c:v>
                </c:pt>
                <c:pt idx="165">
                  <c:v>241.404</c:v>
                </c:pt>
                <c:pt idx="166">
                  <c:v>242.34299999999999</c:v>
                </c:pt>
                <c:pt idx="167">
                  <c:v>248.958</c:v>
                </c:pt>
                <c:pt idx="168">
                  <c:v>240.90899999999999</c:v>
                </c:pt>
                <c:pt idx="169">
                  <c:v>241.44200000000001</c:v>
                </c:pt>
                <c:pt idx="170">
                  <c:v>240.88499999999999</c:v>
                </c:pt>
                <c:pt idx="171">
                  <c:v>239.74</c:v>
                </c:pt>
                <c:pt idx="172">
                  <c:v>239.476</c:v>
                </c:pt>
                <c:pt idx="173">
                  <c:v>239.64500000000001</c:v>
                </c:pt>
                <c:pt idx="174">
                  <c:v>241.613</c:v>
                </c:pt>
                <c:pt idx="175">
                  <c:v>243.255</c:v>
                </c:pt>
                <c:pt idx="176">
                  <c:v>240.79</c:v>
                </c:pt>
                <c:pt idx="177">
                  <c:v>240.839</c:v>
                </c:pt>
                <c:pt idx="178">
                  <c:v>240.34899999999999</c:v>
                </c:pt>
                <c:pt idx="179">
                  <c:v>240.256</c:v>
                </c:pt>
                <c:pt idx="180">
                  <c:v>241.52699999999999</c:v>
                </c:pt>
                <c:pt idx="181">
                  <c:v>243.14</c:v>
                </c:pt>
                <c:pt idx="182">
                  <c:v>241.078</c:v>
                </c:pt>
                <c:pt idx="183">
                  <c:v>241.483</c:v>
                </c:pt>
                <c:pt idx="184">
                  <c:v>240.47</c:v>
                </c:pt>
                <c:pt idx="185">
                  <c:v>241.02699999999999</c:v>
                </c:pt>
                <c:pt idx="186">
                  <c:v>241.25200000000001</c:v>
                </c:pt>
                <c:pt idx="187">
                  <c:v>241.50200000000001</c:v>
                </c:pt>
                <c:pt idx="188">
                  <c:v>240.57300000000001</c:v>
                </c:pt>
                <c:pt idx="189">
                  <c:v>239.39500000000001</c:v>
                </c:pt>
                <c:pt idx="190">
                  <c:v>243.42099999999999</c:v>
                </c:pt>
                <c:pt idx="191">
                  <c:v>240.21600000000001</c:v>
                </c:pt>
                <c:pt idx="192">
                  <c:v>239.79400000000001</c:v>
                </c:pt>
                <c:pt idx="193">
                  <c:v>240.58500000000001</c:v>
                </c:pt>
                <c:pt idx="194">
                  <c:v>241.44399999999999</c:v>
                </c:pt>
                <c:pt idx="195">
                  <c:v>240.453</c:v>
                </c:pt>
                <c:pt idx="196">
                  <c:v>242.49700000000001</c:v>
                </c:pt>
                <c:pt idx="197">
                  <c:v>239.26900000000001</c:v>
                </c:pt>
                <c:pt idx="198">
                  <c:v>249.38300000000001</c:v>
                </c:pt>
                <c:pt idx="199">
                  <c:v>241.56</c:v>
                </c:pt>
                <c:pt idx="200">
                  <c:v>240.00299999999999</c:v>
                </c:pt>
                <c:pt idx="201">
                  <c:v>241.643</c:v>
                </c:pt>
                <c:pt idx="202">
                  <c:v>240.16900000000001</c:v>
                </c:pt>
                <c:pt idx="203">
                  <c:v>240.96799999999999</c:v>
                </c:pt>
                <c:pt idx="204">
                  <c:v>240.71</c:v>
                </c:pt>
                <c:pt idx="205">
                  <c:v>243.30699999999999</c:v>
                </c:pt>
                <c:pt idx="206">
                  <c:v>241.38399999999999</c:v>
                </c:pt>
                <c:pt idx="207">
                  <c:v>240.33099999999999</c:v>
                </c:pt>
                <c:pt idx="208">
                  <c:v>240.51400000000001</c:v>
                </c:pt>
                <c:pt idx="209">
                  <c:v>240.12899999999999</c:v>
                </c:pt>
                <c:pt idx="210">
                  <c:v>241.53299999999999</c:v>
                </c:pt>
                <c:pt idx="211">
                  <c:v>242.785</c:v>
                </c:pt>
                <c:pt idx="212">
                  <c:v>240.46600000000001</c:v>
                </c:pt>
                <c:pt idx="213">
                  <c:v>241.85</c:v>
                </c:pt>
                <c:pt idx="214">
                  <c:v>241.39500000000001</c:v>
                </c:pt>
                <c:pt idx="215">
                  <c:v>240.74100000000001</c:v>
                </c:pt>
                <c:pt idx="216">
                  <c:v>241.37100000000001</c:v>
                </c:pt>
                <c:pt idx="217">
                  <c:v>240.87</c:v>
                </c:pt>
                <c:pt idx="218">
                  <c:v>243.51499999999999</c:v>
                </c:pt>
                <c:pt idx="219">
                  <c:v>240.173</c:v>
                </c:pt>
                <c:pt idx="220">
                  <c:v>240.953</c:v>
                </c:pt>
                <c:pt idx="221">
                  <c:v>248.70699999999999</c:v>
                </c:pt>
                <c:pt idx="222">
                  <c:v>241.85400000000001</c:v>
                </c:pt>
                <c:pt idx="223">
                  <c:v>240.43700000000001</c:v>
                </c:pt>
                <c:pt idx="224">
                  <c:v>242.36600000000001</c:v>
                </c:pt>
                <c:pt idx="225">
                  <c:v>239.226</c:v>
                </c:pt>
                <c:pt idx="226">
                  <c:v>241.40299999999999</c:v>
                </c:pt>
                <c:pt idx="227">
                  <c:v>242.197</c:v>
                </c:pt>
                <c:pt idx="228">
                  <c:v>241.56100000000001</c:v>
                </c:pt>
                <c:pt idx="229">
                  <c:v>241.02099999999999</c:v>
                </c:pt>
                <c:pt idx="230">
                  <c:v>240.59299999999999</c:v>
                </c:pt>
                <c:pt idx="231">
                  <c:v>240.547</c:v>
                </c:pt>
                <c:pt idx="232">
                  <c:v>242.37</c:v>
                </c:pt>
                <c:pt idx="233">
                  <c:v>238.35599999999999</c:v>
                </c:pt>
                <c:pt idx="234">
                  <c:v>239.16</c:v>
                </c:pt>
                <c:pt idx="235">
                  <c:v>240.69200000000001</c:v>
                </c:pt>
                <c:pt idx="236">
                  <c:v>242.02799999999999</c:v>
                </c:pt>
                <c:pt idx="237">
                  <c:v>238.65899999999999</c:v>
                </c:pt>
                <c:pt idx="238">
                  <c:v>238.75299999999999</c:v>
                </c:pt>
                <c:pt idx="239">
                  <c:v>238.47</c:v>
                </c:pt>
                <c:pt idx="240">
                  <c:v>239.29400000000001</c:v>
                </c:pt>
                <c:pt idx="241">
                  <c:v>241.071</c:v>
                </c:pt>
                <c:pt idx="242">
                  <c:v>240.09899999999999</c:v>
                </c:pt>
                <c:pt idx="243">
                  <c:v>238.965</c:v>
                </c:pt>
                <c:pt idx="244">
                  <c:v>238.429</c:v>
                </c:pt>
                <c:pt idx="245">
                  <c:v>238.744</c:v>
                </c:pt>
                <c:pt idx="246">
                  <c:v>238.45099999999999</c:v>
                </c:pt>
                <c:pt idx="247">
                  <c:v>240.785</c:v>
                </c:pt>
                <c:pt idx="248">
                  <c:v>239.334</c:v>
                </c:pt>
                <c:pt idx="249">
                  <c:v>239.53299999999999</c:v>
                </c:pt>
              </c:numCache>
            </c:numRef>
          </c:val>
          <c:smooth val="0"/>
          <c:extLst>
            <c:ext xmlns:c16="http://schemas.microsoft.com/office/drawing/2014/chart" uri="{C3380CC4-5D6E-409C-BE32-E72D297353CC}">
              <c16:uniqueId val="{00000001-F584-4FFB-9789-5A779A768EE0}"/>
            </c:ext>
          </c:extLst>
        </c:ser>
        <c:ser>
          <c:idx val="2"/>
          <c:order val="2"/>
          <c:tx>
            <c:strRef>
              <c:f>test_2_results_7down!$D$1</c:f>
              <c:strCache>
                <c:ptCount val="1"/>
                <c:pt idx="0">
                  <c:v>32 threads</c:v>
                </c:pt>
              </c:strCache>
            </c:strRef>
          </c:tx>
          <c:spPr>
            <a:ln w="28575" cap="rnd">
              <a:solidFill>
                <a:schemeClr val="accent3"/>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D$2:$D$251</c:f>
              <c:numCache>
                <c:formatCode>General</c:formatCode>
                <c:ptCount val="250"/>
                <c:pt idx="0">
                  <c:v>366.875</c:v>
                </c:pt>
                <c:pt idx="1">
                  <c:v>343.21499999999997</c:v>
                </c:pt>
                <c:pt idx="2">
                  <c:v>338.20100000000002</c:v>
                </c:pt>
                <c:pt idx="3">
                  <c:v>324.64699999999999</c:v>
                </c:pt>
                <c:pt idx="4">
                  <c:v>314.61799999999999</c:v>
                </c:pt>
                <c:pt idx="5">
                  <c:v>307.70999999999998</c:v>
                </c:pt>
                <c:pt idx="6">
                  <c:v>292.62099999999998</c:v>
                </c:pt>
                <c:pt idx="7">
                  <c:v>282.11799999999999</c:v>
                </c:pt>
                <c:pt idx="8">
                  <c:v>271.92099999999999</c:v>
                </c:pt>
                <c:pt idx="9">
                  <c:v>276.99200000000002</c:v>
                </c:pt>
                <c:pt idx="10">
                  <c:v>268.29300000000001</c:v>
                </c:pt>
                <c:pt idx="11">
                  <c:v>264.70699999999999</c:v>
                </c:pt>
                <c:pt idx="12">
                  <c:v>267.76100000000002</c:v>
                </c:pt>
                <c:pt idx="13">
                  <c:v>256.89499999999998</c:v>
                </c:pt>
                <c:pt idx="14">
                  <c:v>246.274</c:v>
                </c:pt>
                <c:pt idx="15">
                  <c:v>240.499</c:v>
                </c:pt>
                <c:pt idx="16">
                  <c:v>239.24299999999999</c:v>
                </c:pt>
                <c:pt idx="17">
                  <c:v>240.00299999999999</c:v>
                </c:pt>
                <c:pt idx="18">
                  <c:v>232.32400000000001</c:v>
                </c:pt>
                <c:pt idx="19">
                  <c:v>233.601</c:v>
                </c:pt>
                <c:pt idx="20">
                  <c:v>229.91900000000001</c:v>
                </c:pt>
                <c:pt idx="21">
                  <c:v>231.703</c:v>
                </c:pt>
                <c:pt idx="22">
                  <c:v>226.57900000000001</c:v>
                </c:pt>
                <c:pt idx="23">
                  <c:v>228.62</c:v>
                </c:pt>
                <c:pt idx="24">
                  <c:v>226.59200000000001</c:v>
                </c:pt>
                <c:pt idx="25">
                  <c:v>224.55500000000001</c:v>
                </c:pt>
                <c:pt idx="26">
                  <c:v>225.32900000000001</c:v>
                </c:pt>
                <c:pt idx="27">
                  <c:v>228.11500000000001</c:v>
                </c:pt>
                <c:pt idx="28">
                  <c:v>232.99700000000001</c:v>
                </c:pt>
                <c:pt idx="29">
                  <c:v>229.571</c:v>
                </c:pt>
                <c:pt idx="30">
                  <c:v>232.63200000000001</c:v>
                </c:pt>
                <c:pt idx="31">
                  <c:v>231.54900000000001</c:v>
                </c:pt>
                <c:pt idx="32">
                  <c:v>231.34200000000001</c:v>
                </c:pt>
                <c:pt idx="33">
                  <c:v>230.34299999999999</c:v>
                </c:pt>
                <c:pt idx="34">
                  <c:v>230.399</c:v>
                </c:pt>
                <c:pt idx="35">
                  <c:v>231.98</c:v>
                </c:pt>
                <c:pt idx="36">
                  <c:v>229.99799999999999</c:v>
                </c:pt>
                <c:pt idx="37">
                  <c:v>227.523</c:v>
                </c:pt>
                <c:pt idx="38">
                  <c:v>227.49100000000001</c:v>
                </c:pt>
                <c:pt idx="39">
                  <c:v>227.83699999999999</c:v>
                </c:pt>
                <c:pt idx="40">
                  <c:v>230.304</c:v>
                </c:pt>
                <c:pt idx="41">
                  <c:v>223.06700000000001</c:v>
                </c:pt>
                <c:pt idx="42">
                  <c:v>222.87100000000001</c:v>
                </c:pt>
                <c:pt idx="43">
                  <c:v>222.64400000000001</c:v>
                </c:pt>
                <c:pt idx="44">
                  <c:v>222.21</c:v>
                </c:pt>
                <c:pt idx="45">
                  <c:v>222.036</c:v>
                </c:pt>
                <c:pt idx="46">
                  <c:v>223.756</c:v>
                </c:pt>
                <c:pt idx="47">
                  <c:v>219.09899999999999</c:v>
                </c:pt>
                <c:pt idx="48">
                  <c:v>220.376</c:v>
                </c:pt>
                <c:pt idx="49">
                  <c:v>220.21</c:v>
                </c:pt>
                <c:pt idx="50">
                  <c:v>219.24199999999999</c:v>
                </c:pt>
                <c:pt idx="51">
                  <c:v>219.44900000000001</c:v>
                </c:pt>
                <c:pt idx="52">
                  <c:v>218.357</c:v>
                </c:pt>
                <c:pt idx="53">
                  <c:v>218.512</c:v>
                </c:pt>
                <c:pt idx="54">
                  <c:v>217.006</c:v>
                </c:pt>
                <c:pt idx="55">
                  <c:v>218.12</c:v>
                </c:pt>
                <c:pt idx="56">
                  <c:v>216.87</c:v>
                </c:pt>
                <c:pt idx="57">
                  <c:v>217.38</c:v>
                </c:pt>
                <c:pt idx="58">
                  <c:v>218.23500000000001</c:v>
                </c:pt>
                <c:pt idx="59">
                  <c:v>216.22300000000001</c:v>
                </c:pt>
                <c:pt idx="60">
                  <c:v>217.798</c:v>
                </c:pt>
                <c:pt idx="61">
                  <c:v>216.934</c:v>
                </c:pt>
                <c:pt idx="62">
                  <c:v>220.53299999999999</c:v>
                </c:pt>
                <c:pt idx="63">
                  <c:v>220.42699999999999</c:v>
                </c:pt>
                <c:pt idx="64">
                  <c:v>220.13499999999999</c:v>
                </c:pt>
                <c:pt idx="65">
                  <c:v>219.87100000000001</c:v>
                </c:pt>
                <c:pt idx="66">
                  <c:v>219.345</c:v>
                </c:pt>
                <c:pt idx="67">
                  <c:v>220.399</c:v>
                </c:pt>
                <c:pt idx="68">
                  <c:v>224.41800000000001</c:v>
                </c:pt>
                <c:pt idx="69">
                  <c:v>219.89500000000001</c:v>
                </c:pt>
                <c:pt idx="70">
                  <c:v>219.17599999999999</c:v>
                </c:pt>
                <c:pt idx="71">
                  <c:v>220.52699999999999</c:v>
                </c:pt>
                <c:pt idx="72">
                  <c:v>219.797</c:v>
                </c:pt>
                <c:pt idx="73">
                  <c:v>219.46</c:v>
                </c:pt>
                <c:pt idx="74">
                  <c:v>218.21299999999999</c:v>
                </c:pt>
                <c:pt idx="75">
                  <c:v>218.15</c:v>
                </c:pt>
                <c:pt idx="76">
                  <c:v>219.44800000000001</c:v>
                </c:pt>
                <c:pt idx="77">
                  <c:v>218.90199999999999</c:v>
                </c:pt>
                <c:pt idx="78">
                  <c:v>218.95</c:v>
                </c:pt>
                <c:pt idx="79">
                  <c:v>217.26</c:v>
                </c:pt>
                <c:pt idx="80">
                  <c:v>217.85</c:v>
                </c:pt>
                <c:pt idx="81">
                  <c:v>219.82400000000001</c:v>
                </c:pt>
                <c:pt idx="82">
                  <c:v>216.73099999999999</c:v>
                </c:pt>
                <c:pt idx="83">
                  <c:v>218.81700000000001</c:v>
                </c:pt>
                <c:pt idx="84">
                  <c:v>217.92699999999999</c:v>
                </c:pt>
                <c:pt idx="85">
                  <c:v>219.124</c:v>
                </c:pt>
                <c:pt idx="86">
                  <c:v>227.393</c:v>
                </c:pt>
                <c:pt idx="87">
                  <c:v>218.12</c:v>
                </c:pt>
                <c:pt idx="88">
                  <c:v>218.33600000000001</c:v>
                </c:pt>
                <c:pt idx="89">
                  <c:v>217.96700000000001</c:v>
                </c:pt>
                <c:pt idx="90">
                  <c:v>217.85300000000001</c:v>
                </c:pt>
                <c:pt idx="91">
                  <c:v>217.96</c:v>
                </c:pt>
                <c:pt idx="92">
                  <c:v>217.73099999999999</c:v>
                </c:pt>
                <c:pt idx="93">
                  <c:v>219.381</c:v>
                </c:pt>
                <c:pt idx="94">
                  <c:v>216.68100000000001</c:v>
                </c:pt>
                <c:pt idx="95">
                  <c:v>219.20599999999999</c:v>
                </c:pt>
                <c:pt idx="96">
                  <c:v>216.18100000000001</c:v>
                </c:pt>
                <c:pt idx="97">
                  <c:v>218.3</c:v>
                </c:pt>
                <c:pt idx="98">
                  <c:v>218.51400000000001</c:v>
                </c:pt>
                <c:pt idx="99">
                  <c:v>218.21199999999999</c:v>
                </c:pt>
                <c:pt idx="100">
                  <c:v>217.26</c:v>
                </c:pt>
                <c:pt idx="101">
                  <c:v>217.398</c:v>
                </c:pt>
                <c:pt idx="102">
                  <c:v>216.68100000000001</c:v>
                </c:pt>
                <c:pt idx="103">
                  <c:v>216.78100000000001</c:v>
                </c:pt>
                <c:pt idx="104">
                  <c:v>216.928</c:v>
                </c:pt>
                <c:pt idx="105">
                  <c:v>217.37700000000001</c:v>
                </c:pt>
                <c:pt idx="106">
                  <c:v>217.47300000000001</c:v>
                </c:pt>
                <c:pt idx="107">
                  <c:v>217.92099999999999</c:v>
                </c:pt>
                <c:pt idx="108">
                  <c:v>217.33500000000001</c:v>
                </c:pt>
                <c:pt idx="109">
                  <c:v>217.62299999999999</c:v>
                </c:pt>
                <c:pt idx="110">
                  <c:v>217.148</c:v>
                </c:pt>
                <c:pt idx="111">
                  <c:v>216.38499999999999</c:v>
                </c:pt>
                <c:pt idx="112">
                  <c:v>218.48599999999999</c:v>
                </c:pt>
                <c:pt idx="113">
                  <c:v>216.89699999999999</c:v>
                </c:pt>
                <c:pt idx="114">
                  <c:v>216.667</c:v>
                </c:pt>
                <c:pt idx="115">
                  <c:v>216.33500000000001</c:v>
                </c:pt>
                <c:pt idx="116">
                  <c:v>215.72</c:v>
                </c:pt>
                <c:pt idx="117">
                  <c:v>214.959</c:v>
                </c:pt>
                <c:pt idx="118">
                  <c:v>217.221</c:v>
                </c:pt>
                <c:pt idx="119">
                  <c:v>215.09200000000001</c:v>
                </c:pt>
                <c:pt idx="120">
                  <c:v>216.22</c:v>
                </c:pt>
                <c:pt idx="121">
                  <c:v>215.60499999999999</c:v>
                </c:pt>
                <c:pt idx="122">
                  <c:v>215.73</c:v>
                </c:pt>
                <c:pt idx="123">
                  <c:v>215.21700000000001</c:v>
                </c:pt>
                <c:pt idx="124">
                  <c:v>215.33199999999999</c:v>
                </c:pt>
                <c:pt idx="125">
                  <c:v>214.50800000000001</c:v>
                </c:pt>
                <c:pt idx="126">
                  <c:v>215.68299999999999</c:v>
                </c:pt>
                <c:pt idx="127">
                  <c:v>215.33</c:v>
                </c:pt>
                <c:pt idx="128">
                  <c:v>215.26599999999999</c:v>
                </c:pt>
                <c:pt idx="129">
                  <c:v>217.196</c:v>
                </c:pt>
                <c:pt idx="130">
                  <c:v>214.601</c:v>
                </c:pt>
                <c:pt idx="131">
                  <c:v>215.679</c:v>
                </c:pt>
                <c:pt idx="132">
                  <c:v>215.488</c:v>
                </c:pt>
                <c:pt idx="133">
                  <c:v>216.16399999999999</c:v>
                </c:pt>
                <c:pt idx="134">
                  <c:v>215.45099999999999</c:v>
                </c:pt>
                <c:pt idx="135">
                  <c:v>215.268</c:v>
                </c:pt>
                <c:pt idx="136">
                  <c:v>214.57</c:v>
                </c:pt>
                <c:pt idx="137">
                  <c:v>215.733</c:v>
                </c:pt>
                <c:pt idx="138">
                  <c:v>214.762</c:v>
                </c:pt>
                <c:pt idx="139">
                  <c:v>217.07499999999999</c:v>
                </c:pt>
                <c:pt idx="140">
                  <c:v>215.09399999999999</c:v>
                </c:pt>
                <c:pt idx="141">
                  <c:v>215.59</c:v>
                </c:pt>
                <c:pt idx="142">
                  <c:v>215.52699999999999</c:v>
                </c:pt>
                <c:pt idx="143">
                  <c:v>215.363</c:v>
                </c:pt>
                <c:pt idx="144">
                  <c:v>215.27600000000001</c:v>
                </c:pt>
                <c:pt idx="145">
                  <c:v>215.17400000000001</c:v>
                </c:pt>
                <c:pt idx="146">
                  <c:v>220.71199999999999</c:v>
                </c:pt>
                <c:pt idx="147">
                  <c:v>217.02699999999999</c:v>
                </c:pt>
                <c:pt idx="148">
                  <c:v>215.714</c:v>
                </c:pt>
                <c:pt idx="149">
                  <c:v>218.983</c:v>
                </c:pt>
                <c:pt idx="150">
                  <c:v>219.32400000000001</c:v>
                </c:pt>
                <c:pt idx="151">
                  <c:v>215.21199999999999</c:v>
                </c:pt>
                <c:pt idx="152">
                  <c:v>216.56899999999999</c:v>
                </c:pt>
                <c:pt idx="153">
                  <c:v>213.48400000000001</c:v>
                </c:pt>
                <c:pt idx="154">
                  <c:v>214.31100000000001</c:v>
                </c:pt>
                <c:pt idx="155">
                  <c:v>216.536</c:v>
                </c:pt>
                <c:pt idx="156">
                  <c:v>214.83699999999999</c:v>
                </c:pt>
                <c:pt idx="157">
                  <c:v>214.98699999999999</c:v>
                </c:pt>
                <c:pt idx="158">
                  <c:v>212.81700000000001</c:v>
                </c:pt>
                <c:pt idx="159">
                  <c:v>213.78200000000001</c:v>
                </c:pt>
                <c:pt idx="160">
                  <c:v>213.87</c:v>
                </c:pt>
                <c:pt idx="161">
                  <c:v>213.06800000000001</c:v>
                </c:pt>
                <c:pt idx="162">
                  <c:v>213.57</c:v>
                </c:pt>
                <c:pt idx="163">
                  <c:v>213.011</c:v>
                </c:pt>
                <c:pt idx="164">
                  <c:v>214.21799999999999</c:v>
                </c:pt>
                <c:pt idx="165">
                  <c:v>213.84899999999999</c:v>
                </c:pt>
                <c:pt idx="166">
                  <c:v>214.31800000000001</c:v>
                </c:pt>
                <c:pt idx="167">
                  <c:v>213.65899999999999</c:v>
                </c:pt>
                <c:pt idx="168">
                  <c:v>214.41499999999999</c:v>
                </c:pt>
                <c:pt idx="169">
                  <c:v>218.376</c:v>
                </c:pt>
                <c:pt idx="170">
                  <c:v>214.04400000000001</c:v>
                </c:pt>
                <c:pt idx="171">
                  <c:v>213.90299999999999</c:v>
                </c:pt>
                <c:pt idx="172">
                  <c:v>214.02</c:v>
                </c:pt>
                <c:pt idx="173">
                  <c:v>214.7</c:v>
                </c:pt>
                <c:pt idx="174">
                  <c:v>213.43700000000001</c:v>
                </c:pt>
                <c:pt idx="175">
                  <c:v>214.73599999999999</c:v>
                </c:pt>
                <c:pt idx="176">
                  <c:v>213.52600000000001</c:v>
                </c:pt>
                <c:pt idx="177">
                  <c:v>214.72800000000001</c:v>
                </c:pt>
                <c:pt idx="178">
                  <c:v>213.74100000000001</c:v>
                </c:pt>
                <c:pt idx="179">
                  <c:v>214.41</c:v>
                </c:pt>
                <c:pt idx="180">
                  <c:v>214.48599999999999</c:v>
                </c:pt>
                <c:pt idx="181">
                  <c:v>213.614</c:v>
                </c:pt>
                <c:pt idx="182">
                  <c:v>214.05099999999999</c:v>
                </c:pt>
                <c:pt idx="183">
                  <c:v>214.02799999999999</c:v>
                </c:pt>
                <c:pt idx="184">
                  <c:v>213.98599999999999</c:v>
                </c:pt>
                <c:pt idx="185">
                  <c:v>216.09</c:v>
                </c:pt>
                <c:pt idx="186">
                  <c:v>214.24600000000001</c:v>
                </c:pt>
                <c:pt idx="187">
                  <c:v>213.42500000000001</c:v>
                </c:pt>
                <c:pt idx="188">
                  <c:v>216.66800000000001</c:v>
                </c:pt>
                <c:pt idx="189">
                  <c:v>214.661</c:v>
                </c:pt>
                <c:pt idx="190">
                  <c:v>213.63900000000001</c:v>
                </c:pt>
                <c:pt idx="191">
                  <c:v>214.423</c:v>
                </c:pt>
                <c:pt idx="192">
                  <c:v>215.08799999999999</c:v>
                </c:pt>
                <c:pt idx="193">
                  <c:v>214.172</c:v>
                </c:pt>
                <c:pt idx="194">
                  <c:v>214.37200000000001</c:v>
                </c:pt>
                <c:pt idx="195">
                  <c:v>213.614</c:v>
                </c:pt>
                <c:pt idx="196">
                  <c:v>214.29</c:v>
                </c:pt>
                <c:pt idx="197">
                  <c:v>215.148</c:v>
                </c:pt>
                <c:pt idx="198">
                  <c:v>214.90299999999999</c:v>
                </c:pt>
                <c:pt idx="199">
                  <c:v>213.673</c:v>
                </c:pt>
                <c:pt idx="200">
                  <c:v>216.62899999999999</c:v>
                </c:pt>
                <c:pt idx="201">
                  <c:v>214.37100000000001</c:v>
                </c:pt>
                <c:pt idx="202">
                  <c:v>213.32400000000001</c:v>
                </c:pt>
                <c:pt idx="203">
                  <c:v>213.93899999999999</c:v>
                </c:pt>
                <c:pt idx="204">
                  <c:v>213.648</c:v>
                </c:pt>
                <c:pt idx="205">
                  <c:v>218.542</c:v>
                </c:pt>
                <c:pt idx="206">
                  <c:v>214.232</c:v>
                </c:pt>
                <c:pt idx="207">
                  <c:v>213.97</c:v>
                </c:pt>
                <c:pt idx="208">
                  <c:v>215.12299999999999</c:v>
                </c:pt>
                <c:pt idx="209">
                  <c:v>214.61600000000001</c:v>
                </c:pt>
                <c:pt idx="210">
                  <c:v>214.45699999999999</c:v>
                </c:pt>
                <c:pt idx="211">
                  <c:v>214.62200000000001</c:v>
                </c:pt>
                <c:pt idx="212">
                  <c:v>214.47499999999999</c:v>
                </c:pt>
                <c:pt idx="213">
                  <c:v>213.73099999999999</c:v>
                </c:pt>
                <c:pt idx="214">
                  <c:v>215.54900000000001</c:v>
                </c:pt>
                <c:pt idx="215">
                  <c:v>215.07</c:v>
                </c:pt>
                <c:pt idx="216">
                  <c:v>214.24199999999999</c:v>
                </c:pt>
                <c:pt idx="217">
                  <c:v>214.33799999999999</c:v>
                </c:pt>
                <c:pt idx="218">
                  <c:v>213.81800000000001</c:v>
                </c:pt>
                <c:pt idx="219">
                  <c:v>213.923</c:v>
                </c:pt>
                <c:pt idx="220">
                  <c:v>213.92699999999999</c:v>
                </c:pt>
                <c:pt idx="221">
                  <c:v>216.36799999999999</c:v>
                </c:pt>
                <c:pt idx="222">
                  <c:v>213.078</c:v>
                </c:pt>
                <c:pt idx="223">
                  <c:v>213.65100000000001</c:v>
                </c:pt>
                <c:pt idx="224">
                  <c:v>214.273</c:v>
                </c:pt>
                <c:pt idx="225">
                  <c:v>214.37700000000001</c:v>
                </c:pt>
                <c:pt idx="226">
                  <c:v>214.33500000000001</c:v>
                </c:pt>
                <c:pt idx="227">
                  <c:v>213.76499999999999</c:v>
                </c:pt>
                <c:pt idx="228">
                  <c:v>214.65799999999999</c:v>
                </c:pt>
                <c:pt idx="229">
                  <c:v>213.15799999999999</c:v>
                </c:pt>
                <c:pt idx="230">
                  <c:v>213.93</c:v>
                </c:pt>
                <c:pt idx="231">
                  <c:v>217.06100000000001</c:v>
                </c:pt>
                <c:pt idx="232">
                  <c:v>213.21100000000001</c:v>
                </c:pt>
                <c:pt idx="233">
                  <c:v>213.23599999999999</c:v>
                </c:pt>
                <c:pt idx="234">
                  <c:v>212.62100000000001</c:v>
                </c:pt>
                <c:pt idx="235">
                  <c:v>212.60400000000001</c:v>
                </c:pt>
                <c:pt idx="236">
                  <c:v>216.12899999999999</c:v>
                </c:pt>
                <c:pt idx="237">
                  <c:v>212.72900000000001</c:v>
                </c:pt>
                <c:pt idx="238">
                  <c:v>213.82499999999999</c:v>
                </c:pt>
                <c:pt idx="239">
                  <c:v>213.239</c:v>
                </c:pt>
                <c:pt idx="240">
                  <c:v>211.84800000000001</c:v>
                </c:pt>
                <c:pt idx="241">
                  <c:v>212.81899999999999</c:v>
                </c:pt>
                <c:pt idx="242">
                  <c:v>212.375</c:v>
                </c:pt>
                <c:pt idx="243">
                  <c:v>212.624</c:v>
                </c:pt>
                <c:pt idx="244">
                  <c:v>213.47399999999999</c:v>
                </c:pt>
                <c:pt idx="245">
                  <c:v>212.501</c:v>
                </c:pt>
                <c:pt idx="246">
                  <c:v>212.441</c:v>
                </c:pt>
                <c:pt idx="247">
                  <c:v>213.56100000000001</c:v>
                </c:pt>
                <c:pt idx="248">
                  <c:v>212.82300000000001</c:v>
                </c:pt>
                <c:pt idx="249">
                  <c:v>213.78299999999999</c:v>
                </c:pt>
              </c:numCache>
            </c:numRef>
          </c:val>
          <c:smooth val="0"/>
          <c:extLst>
            <c:ext xmlns:c16="http://schemas.microsoft.com/office/drawing/2014/chart" uri="{C3380CC4-5D6E-409C-BE32-E72D297353CC}">
              <c16:uniqueId val="{00000002-F584-4FFB-9789-5A779A768EE0}"/>
            </c:ext>
          </c:extLst>
        </c:ser>
        <c:ser>
          <c:idx val="3"/>
          <c:order val="3"/>
          <c:tx>
            <c:strRef>
              <c:f>test_2_results_7down!$E$1</c:f>
              <c:strCache>
                <c:ptCount val="1"/>
                <c:pt idx="0">
                  <c:v>64 threads</c:v>
                </c:pt>
              </c:strCache>
            </c:strRef>
          </c:tx>
          <c:spPr>
            <a:ln w="28575" cap="rnd">
              <a:solidFill>
                <a:schemeClr val="accent4"/>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E$2:$E$251</c:f>
              <c:numCache>
                <c:formatCode>General</c:formatCode>
                <c:ptCount val="250"/>
                <c:pt idx="0">
                  <c:v>380.971</c:v>
                </c:pt>
                <c:pt idx="1">
                  <c:v>341.45699999999999</c:v>
                </c:pt>
                <c:pt idx="2">
                  <c:v>347.93200000000002</c:v>
                </c:pt>
                <c:pt idx="3">
                  <c:v>326.18599999999998</c:v>
                </c:pt>
                <c:pt idx="4">
                  <c:v>316.642</c:v>
                </c:pt>
                <c:pt idx="5">
                  <c:v>304.26499999999999</c:v>
                </c:pt>
                <c:pt idx="6">
                  <c:v>288.71199999999999</c:v>
                </c:pt>
                <c:pt idx="7">
                  <c:v>285.435</c:v>
                </c:pt>
                <c:pt idx="8">
                  <c:v>277.88299999999998</c:v>
                </c:pt>
                <c:pt idx="9">
                  <c:v>266.09899999999999</c:v>
                </c:pt>
                <c:pt idx="10">
                  <c:v>273.36599999999999</c:v>
                </c:pt>
                <c:pt idx="11">
                  <c:v>266.21899999999999</c:v>
                </c:pt>
                <c:pt idx="12">
                  <c:v>261.226</c:v>
                </c:pt>
                <c:pt idx="13">
                  <c:v>252.31899999999999</c:v>
                </c:pt>
                <c:pt idx="14">
                  <c:v>248.34100000000001</c:v>
                </c:pt>
                <c:pt idx="15">
                  <c:v>242.57</c:v>
                </c:pt>
                <c:pt idx="16">
                  <c:v>236.749</c:v>
                </c:pt>
                <c:pt idx="17">
                  <c:v>235.15799999999999</c:v>
                </c:pt>
                <c:pt idx="18">
                  <c:v>235.27099999999999</c:v>
                </c:pt>
                <c:pt idx="19">
                  <c:v>233.374</c:v>
                </c:pt>
                <c:pt idx="20">
                  <c:v>234.10499999999999</c:v>
                </c:pt>
                <c:pt idx="21">
                  <c:v>233.21700000000001</c:v>
                </c:pt>
                <c:pt idx="22">
                  <c:v>232.04400000000001</c:v>
                </c:pt>
                <c:pt idx="23">
                  <c:v>229.47</c:v>
                </c:pt>
                <c:pt idx="24">
                  <c:v>231.124</c:v>
                </c:pt>
                <c:pt idx="25">
                  <c:v>230.43799999999999</c:v>
                </c:pt>
                <c:pt idx="26">
                  <c:v>226.85</c:v>
                </c:pt>
                <c:pt idx="27">
                  <c:v>228.16499999999999</c:v>
                </c:pt>
                <c:pt idx="28">
                  <c:v>229.29300000000001</c:v>
                </c:pt>
                <c:pt idx="29">
                  <c:v>224.995</c:v>
                </c:pt>
                <c:pt idx="30">
                  <c:v>227.02099999999999</c:v>
                </c:pt>
                <c:pt idx="31">
                  <c:v>225.238</c:v>
                </c:pt>
                <c:pt idx="32">
                  <c:v>224.88399999999999</c:v>
                </c:pt>
                <c:pt idx="33">
                  <c:v>222.74600000000001</c:v>
                </c:pt>
                <c:pt idx="34">
                  <c:v>224.001</c:v>
                </c:pt>
                <c:pt idx="35">
                  <c:v>225.55199999999999</c:v>
                </c:pt>
                <c:pt idx="36">
                  <c:v>223.548</c:v>
                </c:pt>
                <c:pt idx="37">
                  <c:v>223.52699999999999</c:v>
                </c:pt>
                <c:pt idx="38">
                  <c:v>224.56100000000001</c:v>
                </c:pt>
                <c:pt idx="39">
                  <c:v>222.49100000000001</c:v>
                </c:pt>
                <c:pt idx="40">
                  <c:v>226.67099999999999</c:v>
                </c:pt>
                <c:pt idx="41">
                  <c:v>220.52799999999999</c:v>
                </c:pt>
                <c:pt idx="42">
                  <c:v>224.69800000000001</c:v>
                </c:pt>
                <c:pt idx="43">
                  <c:v>221.13800000000001</c:v>
                </c:pt>
                <c:pt idx="44">
                  <c:v>221.88800000000001</c:v>
                </c:pt>
                <c:pt idx="45">
                  <c:v>222.75700000000001</c:v>
                </c:pt>
                <c:pt idx="46">
                  <c:v>221.792</c:v>
                </c:pt>
                <c:pt idx="47">
                  <c:v>220.583</c:v>
                </c:pt>
                <c:pt idx="48">
                  <c:v>221.41399999999999</c:v>
                </c:pt>
                <c:pt idx="49">
                  <c:v>219.89400000000001</c:v>
                </c:pt>
                <c:pt idx="50">
                  <c:v>222.54</c:v>
                </c:pt>
                <c:pt idx="51">
                  <c:v>221.78399999999999</c:v>
                </c:pt>
                <c:pt idx="52">
                  <c:v>219.04</c:v>
                </c:pt>
                <c:pt idx="53">
                  <c:v>218.91800000000001</c:v>
                </c:pt>
                <c:pt idx="54">
                  <c:v>221.108</c:v>
                </c:pt>
                <c:pt idx="55">
                  <c:v>218.952</c:v>
                </c:pt>
                <c:pt idx="56">
                  <c:v>219.15199999999999</c:v>
                </c:pt>
                <c:pt idx="57">
                  <c:v>220.21799999999999</c:v>
                </c:pt>
                <c:pt idx="58">
                  <c:v>220.10499999999999</c:v>
                </c:pt>
                <c:pt idx="59">
                  <c:v>218.17699999999999</c:v>
                </c:pt>
                <c:pt idx="60">
                  <c:v>219.15100000000001</c:v>
                </c:pt>
                <c:pt idx="61">
                  <c:v>219.48699999999999</c:v>
                </c:pt>
                <c:pt idx="62">
                  <c:v>216.41499999999999</c:v>
                </c:pt>
                <c:pt idx="63">
                  <c:v>218.16800000000001</c:v>
                </c:pt>
                <c:pt idx="64">
                  <c:v>216.56100000000001</c:v>
                </c:pt>
                <c:pt idx="65">
                  <c:v>218.25200000000001</c:v>
                </c:pt>
                <c:pt idx="66">
                  <c:v>216.381</c:v>
                </c:pt>
                <c:pt idx="67">
                  <c:v>216.25700000000001</c:v>
                </c:pt>
                <c:pt idx="68">
                  <c:v>217.13200000000001</c:v>
                </c:pt>
                <c:pt idx="69">
                  <c:v>218.53100000000001</c:v>
                </c:pt>
                <c:pt idx="70">
                  <c:v>216.29499999999999</c:v>
                </c:pt>
                <c:pt idx="71">
                  <c:v>216.33600000000001</c:v>
                </c:pt>
                <c:pt idx="72">
                  <c:v>217.93899999999999</c:v>
                </c:pt>
                <c:pt idx="73">
                  <c:v>215.29900000000001</c:v>
                </c:pt>
                <c:pt idx="74">
                  <c:v>215.18600000000001</c:v>
                </c:pt>
                <c:pt idx="75">
                  <c:v>215.89699999999999</c:v>
                </c:pt>
                <c:pt idx="76">
                  <c:v>215.738</c:v>
                </c:pt>
                <c:pt idx="77">
                  <c:v>216.523</c:v>
                </c:pt>
                <c:pt idx="78">
                  <c:v>216.63900000000001</c:v>
                </c:pt>
                <c:pt idx="79">
                  <c:v>216.941</c:v>
                </c:pt>
                <c:pt idx="80">
                  <c:v>215.047</c:v>
                </c:pt>
                <c:pt idx="81">
                  <c:v>215.89500000000001</c:v>
                </c:pt>
                <c:pt idx="82">
                  <c:v>217.02699999999999</c:v>
                </c:pt>
                <c:pt idx="83">
                  <c:v>215.18799999999999</c:v>
                </c:pt>
                <c:pt idx="84">
                  <c:v>216.53100000000001</c:v>
                </c:pt>
                <c:pt idx="85">
                  <c:v>216.37</c:v>
                </c:pt>
                <c:pt idx="86">
                  <c:v>221.18700000000001</c:v>
                </c:pt>
                <c:pt idx="87">
                  <c:v>217.12799999999999</c:v>
                </c:pt>
                <c:pt idx="88">
                  <c:v>216.55099999999999</c:v>
                </c:pt>
                <c:pt idx="89">
                  <c:v>214.89699999999999</c:v>
                </c:pt>
                <c:pt idx="90">
                  <c:v>216.005</c:v>
                </c:pt>
                <c:pt idx="91">
                  <c:v>217.06100000000001</c:v>
                </c:pt>
                <c:pt idx="92">
                  <c:v>216.06800000000001</c:v>
                </c:pt>
                <c:pt idx="93">
                  <c:v>215.63200000000001</c:v>
                </c:pt>
                <c:pt idx="94">
                  <c:v>215.941</c:v>
                </c:pt>
                <c:pt idx="95">
                  <c:v>216.762</c:v>
                </c:pt>
                <c:pt idx="96">
                  <c:v>215.762</c:v>
                </c:pt>
                <c:pt idx="97">
                  <c:v>216.709</c:v>
                </c:pt>
                <c:pt idx="98">
                  <c:v>215.07300000000001</c:v>
                </c:pt>
                <c:pt idx="99">
                  <c:v>216.791</c:v>
                </c:pt>
                <c:pt idx="100">
                  <c:v>215.25700000000001</c:v>
                </c:pt>
                <c:pt idx="101">
                  <c:v>216.07900000000001</c:v>
                </c:pt>
                <c:pt idx="102">
                  <c:v>214.49299999999999</c:v>
                </c:pt>
                <c:pt idx="103">
                  <c:v>216.75200000000001</c:v>
                </c:pt>
                <c:pt idx="104">
                  <c:v>214.55600000000001</c:v>
                </c:pt>
                <c:pt idx="105">
                  <c:v>216.39599999999999</c:v>
                </c:pt>
                <c:pt idx="106">
                  <c:v>215.46100000000001</c:v>
                </c:pt>
                <c:pt idx="107">
                  <c:v>215.18899999999999</c:v>
                </c:pt>
                <c:pt idx="108">
                  <c:v>215.74299999999999</c:v>
                </c:pt>
                <c:pt idx="109">
                  <c:v>215.77199999999999</c:v>
                </c:pt>
                <c:pt idx="110">
                  <c:v>214.88</c:v>
                </c:pt>
                <c:pt idx="111">
                  <c:v>215.43199999999999</c:v>
                </c:pt>
                <c:pt idx="112">
                  <c:v>215.851</c:v>
                </c:pt>
                <c:pt idx="113">
                  <c:v>216.80500000000001</c:v>
                </c:pt>
                <c:pt idx="114">
                  <c:v>216.77799999999999</c:v>
                </c:pt>
                <c:pt idx="115">
                  <c:v>216.90899999999999</c:v>
                </c:pt>
                <c:pt idx="116">
                  <c:v>216.07</c:v>
                </c:pt>
                <c:pt idx="117">
                  <c:v>216.583</c:v>
                </c:pt>
                <c:pt idx="118">
                  <c:v>217.74199999999999</c:v>
                </c:pt>
                <c:pt idx="119">
                  <c:v>215.62799999999999</c:v>
                </c:pt>
                <c:pt idx="120">
                  <c:v>215.512</c:v>
                </c:pt>
                <c:pt idx="121">
                  <c:v>215.27500000000001</c:v>
                </c:pt>
                <c:pt idx="122">
                  <c:v>215.655</c:v>
                </c:pt>
                <c:pt idx="123">
                  <c:v>217.03700000000001</c:v>
                </c:pt>
                <c:pt idx="124">
                  <c:v>216.059</c:v>
                </c:pt>
                <c:pt idx="125">
                  <c:v>216.989</c:v>
                </c:pt>
                <c:pt idx="126">
                  <c:v>215.50700000000001</c:v>
                </c:pt>
                <c:pt idx="127">
                  <c:v>215.21899999999999</c:v>
                </c:pt>
                <c:pt idx="128">
                  <c:v>217.327</c:v>
                </c:pt>
                <c:pt idx="129">
                  <c:v>216.00800000000001</c:v>
                </c:pt>
                <c:pt idx="130">
                  <c:v>215.34700000000001</c:v>
                </c:pt>
                <c:pt idx="131">
                  <c:v>216.79499999999999</c:v>
                </c:pt>
                <c:pt idx="132">
                  <c:v>215.828</c:v>
                </c:pt>
                <c:pt idx="133">
                  <c:v>217.93299999999999</c:v>
                </c:pt>
                <c:pt idx="134">
                  <c:v>216.696</c:v>
                </c:pt>
                <c:pt idx="135">
                  <c:v>217.25299999999999</c:v>
                </c:pt>
                <c:pt idx="136">
                  <c:v>215.732</c:v>
                </c:pt>
                <c:pt idx="137">
                  <c:v>215.71299999999999</c:v>
                </c:pt>
                <c:pt idx="138">
                  <c:v>216.63</c:v>
                </c:pt>
                <c:pt idx="139">
                  <c:v>217.19499999999999</c:v>
                </c:pt>
                <c:pt idx="140">
                  <c:v>216.11199999999999</c:v>
                </c:pt>
                <c:pt idx="141">
                  <c:v>217.83</c:v>
                </c:pt>
                <c:pt idx="142">
                  <c:v>215.512</c:v>
                </c:pt>
                <c:pt idx="143">
                  <c:v>215.87299999999999</c:v>
                </c:pt>
                <c:pt idx="144">
                  <c:v>215.54499999999999</c:v>
                </c:pt>
                <c:pt idx="145">
                  <c:v>216.91200000000001</c:v>
                </c:pt>
                <c:pt idx="146">
                  <c:v>218.905</c:v>
                </c:pt>
                <c:pt idx="147">
                  <c:v>218.31200000000001</c:v>
                </c:pt>
                <c:pt idx="148">
                  <c:v>215.636</c:v>
                </c:pt>
                <c:pt idx="149">
                  <c:v>216.46100000000001</c:v>
                </c:pt>
                <c:pt idx="150">
                  <c:v>220.39</c:v>
                </c:pt>
                <c:pt idx="151">
                  <c:v>216.59200000000001</c:v>
                </c:pt>
                <c:pt idx="152">
                  <c:v>216.589</c:v>
                </c:pt>
                <c:pt idx="153">
                  <c:v>215.69900000000001</c:v>
                </c:pt>
                <c:pt idx="154">
                  <c:v>214.38300000000001</c:v>
                </c:pt>
                <c:pt idx="155">
                  <c:v>214.10499999999999</c:v>
                </c:pt>
                <c:pt idx="156">
                  <c:v>214.78700000000001</c:v>
                </c:pt>
                <c:pt idx="157">
                  <c:v>215.15899999999999</c:v>
                </c:pt>
                <c:pt idx="158">
                  <c:v>215.70500000000001</c:v>
                </c:pt>
                <c:pt idx="159">
                  <c:v>214.08</c:v>
                </c:pt>
                <c:pt idx="160">
                  <c:v>214.833</c:v>
                </c:pt>
                <c:pt idx="161">
                  <c:v>215.309</c:v>
                </c:pt>
                <c:pt idx="162">
                  <c:v>213.92099999999999</c:v>
                </c:pt>
                <c:pt idx="163">
                  <c:v>214.881</c:v>
                </c:pt>
                <c:pt idx="164">
                  <c:v>215.71700000000001</c:v>
                </c:pt>
                <c:pt idx="165">
                  <c:v>214.71600000000001</c:v>
                </c:pt>
                <c:pt idx="166">
                  <c:v>213.864</c:v>
                </c:pt>
                <c:pt idx="167">
                  <c:v>215.40899999999999</c:v>
                </c:pt>
                <c:pt idx="168">
                  <c:v>214.61600000000001</c:v>
                </c:pt>
                <c:pt idx="169">
                  <c:v>215.875</c:v>
                </c:pt>
                <c:pt idx="170">
                  <c:v>214.21899999999999</c:v>
                </c:pt>
                <c:pt idx="171">
                  <c:v>214.86199999999999</c:v>
                </c:pt>
                <c:pt idx="172">
                  <c:v>215.304</c:v>
                </c:pt>
                <c:pt idx="173">
                  <c:v>214.45599999999999</c:v>
                </c:pt>
                <c:pt idx="174">
                  <c:v>214.94800000000001</c:v>
                </c:pt>
                <c:pt idx="175">
                  <c:v>214.744</c:v>
                </c:pt>
                <c:pt idx="176">
                  <c:v>214.75899999999999</c:v>
                </c:pt>
                <c:pt idx="177">
                  <c:v>215.05600000000001</c:v>
                </c:pt>
                <c:pt idx="178">
                  <c:v>214.21799999999999</c:v>
                </c:pt>
                <c:pt idx="179">
                  <c:v>214.38900000000001</c:v>
                </c:pt>
                <c:pt idx="180">
                  <c:v>214.90899999999999</c:v>
                </c:pt>
                <c:pt idx="181">
                  <c:v>215.23</c:v>
                </c:pt>
                <c:pt idx="182">
                  <c:v>214.447</c:v>
                </c:pt>
                <c:pt idx="183">
                  <c:v>214.76400000000001</c:v>
                </c:pt>
                <c:pt idx="184">
                  <c:v>214.22900000000001</c:v>
                </c:pt>
                <c:pt idx="185">
                  <c:v>214.178</c:v>
                </c:pt>
                <c:pt idx="186">
                  <c:v>214.54900000000001</c:v>
                </c:pt>
                <c:pt idx="187">
                  <c:v>214.315</c:v>
                </c:pt>
                <c:pt idx="188">
                  <c:v>214.23099999999999</c:v>
                </c:pt>
                <c:pt idx="189">
                  <c:v>214.583</c:v>
                </c:pt>
                <c:pt idx="190">
                  <c:v>215.03100000000001</c:v>
                </c:pt>
                <c:pt idx="191">
                  <c:v>214.554</c:v>
                </c:pt>
                <c:pt idx="192">
                  <c:v>214.33600000000001</c:v>
                </c:pt>
                <c:pt idx="193">
                  <c:v>215.07300000000001</c:v>
                </c:pt>
                <c:pt idx="194">
                  <c:v>215.39699999999999</c:v>
                </c:pt>
                <c:pt idx="195">
                  <c:v>215.52699999999999</c:v>
                </c:pt>
                <c:pt idx="196">
                  <c:v>216.19200000000001</c:v>
                </c:pt>
                <c:pt idx="197">
                  <c:v>214.137</c:v>
                </c:pt>
                <c:pt idx="198">
                  <c:v>215.334</c:v>
                </c:pt>
                <c:pt idx="199">
                  <c:v>215.304</c:v>
                </c:pt>
                <c:pt idx="200">
                  <c:v>215.76599999999999</c:v>
                </c:pt>
                <c:pt idx="201">
                  <c:v>214.33600000000001</c:v>
                </c:pt>
                <c:pt idx="202">
                  <c:v>214.81899999999999</c:v>
                </c:pt>
                <c:pt idx="203">
                  <c:v>213.90299999999999</c:v>
                </c:pt>
                <c:pt idx="204">
                  <c:v>214.55</c:v>
                </c:pt>
                <c:pt idx="205">
                  <c:v>215.18700000000001</c:v>
                </c:pt>
                <c:pt idx="206">
                  <c:v>213.97</c:v>
                </c:pt>
                <c:pt idx="207">
                  <c:v>218.08699999999999</c:v>
                </c:pt>
                <c:pt idx="208">
                  <c:v>215.35499999999999</c:v>
                </c:pt>
                <c:pt idx="209">
                  <c:v>214.369</c:v>
                </c:pt>
                <c:pt idx="210">
                  <c:v>214.80199999999999</c:v>
                </c:pt>
                <c:pt idx="211">
                  <c:v>214.87100000000001</c:v>
                </c:pt>
                <c:pt idx="212">
                  <c:v>216.44499999999999</c:v>
                </c:pt>
                <c:pt idx="213">
                  <c:v>215.00899999999999</c:v>
                </c:pt>
                <c:pt idx="214">
                  <c:v>215.84700000000001</c:v>
                </c:pt>
                <c:pt idx="215">
                  <c:v>214.90799999999999</c:v>
                </c:pt>
                <c:pt idx="216">
                  <c:v>215.07900000000001</c:v>
                </c:pt>
                <c:pt idx="217">
                  <c:v>214.67099999999999</c:v>
                </c:pt>
                <c:pt idx="218">
                  <c:v>216.88499999999999</c:v>
                </c:pt>
                <c:pt idx="219">
                  <c:v>214.98699999999999</c:v>
                </c:pt>
                <c:pt idx="220">
                  <c:v>217.38900000000001</c:v>
                </c:pt>
                <c:pt idx="221">
                  <c:v>219.86099999999999</c:v>
                </c:pt>
                <c:pt idx="222">
                  <c:v>216.66499999999999</c:v>
                </c:pt>
                <c:pt idx="223">
                  <c:v>214.80199999999999</c:v>
                </c:pt>
                <c:pt idx="224">
                  <c:v>214.673</c:v>
                </c:pt>
                <c:pt idx="225">
                  <c:v>214.328</c:v>
                </c:pt>
                <c:pt idx="226">
                  <c:v>215.595</c:v>
                </c:pt>
                <c:pt idx="227">
                  <c:v>214.47</c:v>
                </c:pt>
                <c:pt idx="228">
                  <c:v>215.745</c:v>
                </c:pt>
                <c:pt idx="229">
                  <c:v>214.196</c:v>
                </c:pt>
                <c:pt idx="230">
                  <c:v>213.614</c:v>
                </c:pt>
                <c:pt idx="231">
                  <c:v>215.285</c:v>
                </c:pt>
                <c:pt idx="232">
                  <c:v>215.01499999999999</c:v>
                </c:pt>
                <c:pt idx="233">
                  <c:v>212.429</c:v>
                </c:pt>
                <c:pt idx="234">
                  <c:v>212.358</c:v>
                </c:pt>
                <c:pt idx="235">
                  <c:v>213.15199999999999</c:v>
                </c:pt>
                <c:pt idx="236">
                  <c:v>213.17500000000001</c:v>
                </c:pt>
                <c:pt idx="237">
                  <c:v>214.24799999999999</c:v>
                </c:pt>
                <c:pt idx="238">
                  <c:v>212.27099999999999</c:v>
                </c:pt>
                <c:pt idx="239">
                  <c:v>212.51400000000001</c:v>
                </c:pt>
                <c:pt idx="240">
                  <c:v>212.87</c:v>
                </c:pt>
                <c:pt idx="241">
                  <c:v>212.488</c:v>
                </c:pt>
                <c:pt idx="242">
                  <c:v>213.60499999999999</c:v>
                </c:pt>
                <c:pt idx="243">
                  <c:v>212.25800000000001</c:v>
                </c:pt>
                <c:pt idx="244">
                  <c:v>212.929</c:v>
                </c:pt>
                <c:pt idx="245">
                  <c:v>212.839</c:v>
                </c:pt>
                <c:pt idx="246">
                  <c:v>212.971</c:v>
                </c:pt>
                <c:pt idx="247">
                  <c:v>215.47800000000001</c:v>
                </c:pt>
                <c:pt idx="248">
                  <c:v>212.7</c:v>
                </c:pt>
                <c:pt idx="249">
                  <c:v>213.31299999999999</c:v>
                </c:pt>
              </c:numCache>
            </c:numRef>
          </c:val>
          <c:smooth val="0"/>
          <c:extLst>
            <c:ext xmlns:c16="http://schemas.microsoft.com/office/drawing/2014/chart" uri="{C3380CC4-5D6E-409C-BE32-E72D297353CC}">
              <c16:uniqueId val="{00000003-F584-4FFB-9789-5A779A768EE0}"/>
            </c:ext>
          </c:extLst>
        </c:ser>
        <c:ser>
          <c:idx val="4"/>
          <c:order val="4"/>
          <c:tx>
            <c:strRef>
              <c:f>test_2_results_7down!$F$1</c:f>
              <c:strCache>
                <c:ptCount val="1"/>
                <c:pt idx="0">
                  <c:v>128 threads</c:v>
                </c:pt>
              </c:strCache>
            </c:strRef>
          </c:tx>
          <c:spPr>
            <a:ln w="28575" cap="rnd">
              <a:solidFill>
                <a:schemeClr val="accent5"/>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F$2:$F$251</c:f>
              <c:numCache>
                <c:formatCode>General</c:formatCode>
                <c:ptCount val="250"/>
                <c:pt idx="0">
                  <c:v>389.34300000000002</c:v>
                </c:pt>
                <c:pt idx="1">
                  <c:v>342.512</c:v>
                </c:pt>
                <c:pt idx="2">
                  <c:v>346.32299999999998</c:v>
                </c:pt>
                <c:pt idx="3">
                  <c:v>316.86500000000001</c:v>
                </c:pt>
                <c:pt idx="4">
                  <c:v>306.726</c:v>
                </c:pt>
                <c:pt idx="5">
                  <c:v>301.27300000000002</c:v>
                </c:pt>
                <c:pt idx="6">
                  <c:v>292.85899999999998</c:v>
                </c:pt>
                <c:pt idx="7">
                  <c:v>287.41800000000001</c:v>
                </c:pt>
                <c:pt idx="8">
                  <c:v>276.76499999999999</c:v>
                </c:pt>
                <c:pt idx="9">
                  <c:v>275.88200000000001</c:v>
                </c:pt>
                <c:pt idx="10">
                  <c:v>272.93299999999999</c:v>
                </c:pt>
                <c:pt idx="11">
                  <c:v>273.05099999999999</c:v>
                </c:pt>
                <c:pt idx="12">
                  <c:v>262.54300000000001</c:v>
                </c:pt>
                <c:pt idx="13">
                  <c:v>250.50700000000001</c:v>
                </c:pt>
                <c:pt idx="14">
                  <c:v>247.79300000000001</c:v>
                </c:pt>
                <c:pt idx="15">
                  <c:v>240.90600000000001</c:v>
                </c:pt>
                <c:pt idx="16">
                  <c:v>239.596</c:v>
                </c:pt>
                <c:pt idx="17">
                  <c:v>234.35599999999999</c:v>
                </c:pt>
                <c:pt idx="18">
                  <c:v>236.42400000000001</c:v>
                </c:pt>
                <c:pt idx="19">
                  <c:v>231.88900000000001</c:v>
                </c:pt>
                <c:pt idx="20">
                  <c:v>232.06100000000001</c:v>
                </c:pt>
                <c:pt idx="21">
                  <c:v>230.369</c:v>
                </c:pt>
                <c:pt idx="22">
                  <c:v>231.25200000000001</c:v>
                </c:pt>
                <c:pt idx="23">
                  <c:v>228.71700000000001</c:v>
                </c:pt>
                <c:pt idx="24">
                  <c:v>231.126</c:v>
                </c:pt>
                <c:pt idx="25">
                  <c:v>226.286</c:v>
                </c:pt>
                <c:pt idx="26">
                  <c:v>226.87899999999999</c:v>
                </c:pt>
                <c:pt idx="27">
                  <c:v>225.63300000000001</c:v>
                </c:pt>
                <c:pt idx="28">
                  <c:v>226.24199999999999</c:v>
                </c:pt>
                <c:pt idx="29">
                  <c:v>224.99199999999999</c:v>
                </c:pt>
                <c:pt idx="30">
                  <c:v>225.017</c:v>
                </c:pt>
                <c:pt idx="31">
                  <c:v>223.56200000000001</c:v>
                </c:pt>
                <c:pt idx="32">
                  <c:v>223.07499999999999</c:v>
                </c:pt>
                <c:pt idx="33">
                  <c:v>223.101</c:v>
                </c:pt>
                <c:pt idx="34">
                  <c:v>221.07900000000001</c:v>
                </c:pt>
                <c:pt idx="35">
                  <c:v>223.75299999999999</c:v>
                </c:pt>
                <c:pt idx="36">
                  <c:v>224.29300000000001</c:v>
                </c:pt>
                <c:pt idx="37">
                  <c:v>222.27</c:v>
                </c:pt>
                <c:pt idx="38">
                  <c:v>222.739</c:v>
                </c:pt>
                <c:pt idx="39">
                  <c:v>222.35900000000001</c:v>
                </c:pt>
                <c:pt idx="40">
                  <c:v>223.82300000000001</c:v>
                </c:pt>
                <c:pt idx="41">
                  <c:v>221.86199999999999</c:v>
                </c:pt>
                <c:pt idx="42">
                  <c:v>221.196</c:v>
                </c:pt>
                <c:pt idx="43">
                  <c:v>222.35300000000001</c:v>
                </c:pt>
                <c:pt idx="44">
                  <c:v>220.768</c:v>
                </c:pt>
                <c:pt idx="45">
                  <c:v>219.83199999999999</c:v>
                </c:pt>
                <c:pt idx="46">
                  <c:v>221.483</c:v>
                </c:pt>
                <c:pt idx="47">
                  <c:v>220.54499999999999</c:v>
                </c:pt>
                <c:pt idx="48">
                  <c:v>221.40899999999999</c:v>
                </c:pt>
                <c:pt idx="49">
                  <c:v>221.494</c:v>
                </c:pt>
                <c:pt idx="50">
                  <c:v>222.142</c:v>
                </c:pt>
                <c:pt idx="51">
                  <c:v>221.74199999999999</c:v>
                </c:pt>
                <c:pt idx="52">
                  <c:v>219.08600000000001</c:v>
                </c:pt>
                <c:pt idx="53">
                  <c:v>219.34800000000001</c:v>
                </c:pt>
                <c:pt idx="54">
                  <c:v>218.947</c:v>
                </c:pt>
                <c:pt idx="55">
                  <c:v>219.56800000000001</c:v>
                </c:pt>
                <c:pt idx="56">
                  <c:v>218.21100000000001</c:v>
                </c:pt>
                <c:pt idx="57">
                  <c:v>218.87700000000001</c:v>
                </c:pt>
                <c:pt idx="58">
                  <c:v>218.46799999999999</c:v>
                </c:pt>
                <c:pt idx="59">
                  <c:v>217.21100000000001</c:v>
                </c:pt>
                <c:pt idx="60">
                  <c:v>217.81800000000001</c:v>
                </c:pt>
                <c:pt idx="61">
                  <c:v>219.10499999999999</c:v>
                </c:pt>
                <c:pt idx="62">
                  <c:v>220.18700000000001</c:v>
                </c:pt>
                <c:pt idx="63">
                  <c:v>217.34100000000001</c:v>
                </c:pt>
                <c:pt idx="64">
                  <c:v>219.304</c:v>
                </c:pt>
                <c:pt idx="65">
                  <c:v>218.36199999999999</c:v>
                </c:pt>
                <c:pt idx="66">
                  <c:v>220.255</c:v>
                </c:pt>
                <c:pt idx="67">
                  <c:v>217.845</c:v>
                </c:pt>
                <c:pt idx="68">
                  <c:v>222.07900000000001</c:v>
                </c:pt>
                <c:pt idx="69">
                  <c:v>216.95400000000001</c:v>
                </c:pt>
                <c:pt idx="70">
                  <c:v>216.994</c:v>
                </c:pt>
                <c:pt idx="71">
                  <c:v>220.203</c:v>
                </c:pt>
                <c:pt idx="72">
                  <c:v>219.12100000000001</c:v>
                </c:pt>
                <c:pt idx="73">
                  <c:v>217.40799999999999</c:v>
                </c:pt>
                <c:pt idx="74">
                  <c:v>215.74700000000001</c:v>
                </c:pt>
                <c:pt idx="75">
                  <c:v>215.71899999999999</c:v>
                </c:pt>
                <c:pt idx="76">
                  <c:v>218.744</c:v>
                </c:pt>
                <c:pt idx="77">
                  <c:v>217.386</c:v>
                </c:pt>
                <c:pt idx="78">
                  <c:v>215.00700000000001</c:v>
                </c:pt>
                <c:pt idx="79">
                  <c:v>215.93100000000001</c:v>
                </c:pt>
                <c:pt idx="80">
                  <c:v>215.36799999999999</c:v>
                </c:pt>
                <c:pt idx="81">
                  <c:v>216.107</c:v>
                </c:pt>
                <c:pt idx="82">
                  <c:v>215.75399999999999</c:v>
                </c:pt>
                <c:pt idx="83">
                  <c:v>216.95400000000001</c:v>
                </c:pt>
                <c:pt idx="84">
                  <c:v>216.63300000000001</c:v>
                </c:pt>
                <c:pt idx="85">
                  <c:v>216.833</c:v>
                </c:pt>
                <c:pt idx="86">
                  <c:v>220.96799999999999</c:v>
                </c:pt>
                <c:pt idx="87">
                  <c:v>217.53800000000001</c:v>
                </c:pt>
                <c:pt idx="88">
                  <c:v>217.732</c:v>
                </c:pt>
                <c:pt idx="89">
                  <c:v>216.39099999999999</c:v>
                </c:pt>
                <c:pt idx="90">
                  <c:v>215.65299999999999</c:v>
                </c:pt>
                <c:pt idx="91">
                  <c:v>214.518</c:v>
                </c:pt>
                <c:pt idx="92">
                  <c:v>215.096</c:v>
                </c:pt>
                <c:pt idx="93">
                  <c:v>215.096</c:v>
                </c:pt>
                <c:pt idx="94">
                  <c:v>215.94499999999999</c:v>
                </c:pt>
                <c:pt idx="95">
                  <c:v>215.72800000000001</c:v>
                </c:pt>
                <c:pt idx="96">
                  <c:v>215.13</c:v>
                </c:pt>
                <c:pt idx="97">
                  <c:v>216.214</c:v>
                </c:pt>
                <c:pt idx="98">
                  <c:v>215.048</c:v>
                </c:pt>
                <c:pt idx="99">
                  <c:v>215.25899999999999</c:v>
                </c:pt>
                <c:pt idx="100">
                  <c:v>215.602</c:v>
                </c:pt>
                <c:pt idx="101">
                  <c:v>217.727</c:v>
                </c:pt>
                <c:pt idx="102">
                  <c:v>215.41200000000001</c:v>
                </c:pt>
                <c:pt idx="103">
                  <c:v>215.98400000000001</c:v>
                </c:pt>
                <c:pt idx="104">
                  <c:v>214.554</c:v>
                </c:pt>
                <c:pt idx="105">
                  <c:v>216.10599999999999</c:v>
                </c:pt>
                <c:pt idx="106">
                  <c:v>214.626</c:v>
                </c:pt>
                <c:pt idx="107">
                  <c:v>216.56800000000001</c:v>
                </c:pt>
                <c:pt idx="108">
                  <c:v>215.602</c:v>
                </c:pt>
                <c:pt idx="109">
                  <c:v>215.27600000000001</c:v>
                </c:pt>
                <c:pt idx="110">
                  <c:v>215.59700000000001</c:v>
                </c:pt>
                <c:pt idx="111">
                  <c:v>215.143</c:v>
                </c:pt>
                <c:pt idx="112">
                  <c:v>214.661</c:v>
                </c:pt>
                <c:pt idx="113">
                  <c:v>213.58500000000001</c:v>
                </c:pt>
                <c:pt idx="114">
                  <c:v>212.971</c:v>
                </c:pt>
                <c:pt idx="115">
                  <c:v>214.01599999999999</c:v>
                </c:pt>
                <c:pt idx="116">
                  <c:v>214.31399999999999</c:v>
                </c:pt>
                <c:pt idx="117">
                  <c:v>213.50899999999999</c:v>
                </c:pt>
                <c:pt idx="118">
                  <c:v>214.22300000000001</c:v>
                </c:pt>
                <c:pt idx="119">
                  <c:v>213.828</c:v>
                </c:pt>
                <c:pt idx="120">
                  <c:v>214.089</c:v>
                </c:pt>
                <c:pt idx="121">
                  <c:v>213.25899999999999</c:v>
                </c:pt>
                <c:pt idx="122">
                  <c:v>214.309</c:v>
                </c:pt>
                <c:pt idx="123">
                  <c:v>212.85300000000001</c:v>
                </c:pt>
                <c:pt idx="124">
                  <c:v>214.21100000000001</c:v>
                </c:pt>
                <c:pt idx="125">
                  <c:v>212.607</c:v>
                </c:pt>
                <c:pt idx="126">
                  <c:v>213.16900000000001</c:v>
                </c:pt>
                <c:pt idx="127">
                  <c:v>213.10499999999999</c:v>
                </c:pt>
                <c:pt idx="128">
                  <c:v>212.63499999999999</c:v>
                </c:pt>
                <c:pt idx="129">
                  <c:v>213.36099999999999</c:v>
                </c:pt>
                <c:pt idx="130">
                  <c:v>213.286</c:v>
                </c:pt>
                <c:pt idx="131">
                  <c:v>212.90600000000001</c:v>
                </c:pt>
                <c:pt idx="132">
                  <c:v>213.66499999999999</c:v>
                </c:pt>
                <c:pt idx="133">
                  <c:v>212.964</c:v>
                </c:pt>
                <c:pt idx="134">
                  <c:v>214.542</c:v>
                </c:pt>
                <c:pt idx="135">
                  <c:v>213.23099999999999</c:v>
                </c:pt>
                <c:pt idx="136">
                  <c:v>214.27500000000001</c:v>
                </c:pt>
                <c:pt idx="137">
                  <c:v>213.762</c:v>
                </c:pt>
                <c:pt idx="138">
                  <c:v>212.82900000000001</c:v>
                </c:pt>
                <c:pt idx="139">
                  <c:v>212.82900000000001</c:v>
                </c:pt>
                <c:pt idx="140">
                  <c:v>213.63</c:v>
                </c:pt>
                <c:pt idx="141">
                  <c:v>213.40799999999999</c:v>
                </c:pt>
                <c:pt idx="142">
                  <c:v>213.339</c:v>
                </c:pt>
                <c:pt idx="143">
                  <c:v>214.64</c:v>
                </c:pt>
                <c:pt idx="144">
                  <c:v>213.505</c:v>
                </c:pt>
                <c:pt idx="145">
                  <c:v>212.99</c:v>
                </c:pt>
                <c:pt idx="146">
                  <c:v>215.81700000000001</c:v>
                </c:pt>
                <c:pt idx="147">
                  <c:v>217.19</c:v>
                </c:pt>
                <c:pt idx="148">
                  <c:v>213.43600000000001</c:v>
                </c:pt>
                <c:pt idx="149">
                  <c:v>214.91800000000001</c:v>
                </c:pt>
                <c:pt idx="150">
                  <c:v>214.749</c:v>
                </c:pt>
                <c:pt idx="151">
                  <c:v>215.58500000000001</c:v>
                </c:pt>
                <c:pt idx="152">
                  <c:v>213.33</c:v>
                </c:pt>
                <c:pt idx="153">
                  <c:v>214.065</c:v>
                </c:pt>
                <c:pt idx="154">
                  <c:v>213.38900000000001</c:v>
                </c:pt>
                <c:pt idx="155">
                  <c:v>214.101</c:v>
                </c:pt>
                <c:pt idx="156">
                  <c:v>213.345</c:v>
                </c:pt>
                <c:pt idx="157">
                  <c:v>214.52</c:v>
                </c:pt>
                <c:pt idx="158">
                  <c:v>213.167</c:v>
                </c:pt>
                <c:pt idx="159">
                  <c:v>212.95599999999999</c:v>
                </c:pt>
                <c:pt idx="160">
                  <c:v>213.678</c:v>
                </c:pt>
                <c:pt idx="161">
                  <c:v>213.18299999999999</c:v>
                </c:pt>
                <c:pt idx="162">
                  <c:v>213.85599999999999</c:v>
                </c:pt>
                <c:pt idx="163">
                  <c:v>213.10900000000001</c:v>
                </c:pt>
                <c:pt idx="164">
                  <c:v>213.952</c:v>
                </c:pt>
                <c:pt idx="165">
                  <c:v>213.70599999999999</c:v>
                </c:pt>
                <c:pt idx="166">
                  <c:v>213.25399999999999</c:v>
                </c:pt>
                <c:pt idx="167">
                  <c:v>213.274</c:v>
                </c:pt>
                <c:pt idx="168">
                  <c:v>212.828</c:v>
                </c:pt>
                <c:pt idx="169">
                  <c:v>213.28700000000001</c:v>
                </c:pt>
                <c:pt idx="170">
                  <c:v>213.37</c:v>
                </c:pt>
                <c:pt idx="171">
                  <c:v>213.631</c:v>
                </c:pt>
                <c:pt idx="172">
                  <c:v>213.232</c:v>
                </c:pt>
                <c:pt idx="173">
                  <c:v>214.71199999999999</c:v>
                </c:pt>
                <c:pt idx="174">
                  <c:v>214.887</c:v>
                </c:pt>
                <c:pt idx="175">
                  <c:v>213.65199999999999</c:v>
                </c:pt>
                <c:pt idx="176">
                  <c:v>213.03800000000001</c:v>
                </c:pt>
                <c:pt idx="177">
                  <c:v>213.95500000000001</c:v>
                </c:pt>
                <c:pt idx="178">
                  <c:v>213.85499999999999</c:v>
                </c:pt>
                <c:pt idx="179">
                  <c:v>212.88800000000001</c:v>
                </c:pt>
                <c:pt idx="180">
                  <c:v>213.07499999999999</c:v>
                </c:pt>
                <c:pt idx="181">
                  <c:v>214.60599999999999</c:v>
                </c:pt>
                <c:pt idx="182">
                  <c:v>212.60499999999999</c:v>
                </c:pt>
                <c:pt idx="183">
                  <c:v>212.971</c:v>
                </c:pt>
                <c:pt idx="184">
                  <c:v>214.19</c:v>
                </c:pt>
                <c:pt idx="185">
                  <c:v>213.93700000000001</c:v>
                </c:pt>
                <c:pt idx="186">
                  <c:v>214.19399999999999</c:v>
                </c:pt>
                <c:pt idx="187">
                  <c:v>214.39500000000001</c:v>
                </c:pt>
                <c:pt idx="188">
                  <c:v>212.934</c:v>
                </c:pt>
                <c:pt idx="189">
                  <c:v>213.65100000000001</c:v>
                </c:pt>
                <c:pt idx="190">
                  <c:v>213.965</c:v>
                </c:pt>
                <c:pt idx="191">
                  <c:v>213.31100000000001</c:v>
                </c:pt>
                <c:pt idx="192">
                  <c:v>213.08199999999999</c:v>
                </c:pt>
                <c:pt idx="193">
                  <c:v>214.31800000000001</c:v>
                </c:pt>
                <c:pt idx="194">
                  <c:v>213.471</c:v>
                </c:pt>
                <c:pt idx="195">
                  <c:v>213.191</c:v>
                </c:pt>
                <c:pt idx="196">
                  <c:v>213.28200000000001</c:v>
                </c:pt>
                <c:pt idx="197">
                  <c:v>214.09299999999999</c:v>
                </c:pt>
                <c:pt idx="198">
                  <c:v>213.58699999999999</c:v>
                </c:pt>
                <c:pt idx="199">
                  <c:v>213.35900000000001</c:v>
                </c:pt>
                <c:pt idx="200">
                  <c:v>215.547</c:v>
                </c:pt>
                <c:pt idx="201">
                  <c:v>213.619</c:v>
                </c:pt>
                <c:pt idx="202">
                  <c:v>213.79400000000001</c:v>
                </c:pt>
                <c:pt idx="203">
                  <c:v>213.62</c:v>
                </c:pt>
                <c:pt idx="204">
                  <c:v>213.91800000000001</c:v>
                </c:pt>
                <c:pt idx="205">
                  <c:v>213.792</c:v>
                </c:pt>
                <c:pt idx="206">
                  <c:v>213.559</c:v>
                </c:pt>
                <c:pt idx="207">
                  <c:v>213.72200000000001</c:v>
                </c:pt>
                <c:pt idx="208">
                  <c:v>213.08</c:v>
                </c:pt>
                <c:pt idx="209">
                  <c:v>212.47200000000001</c:v>
                </c:pt>
                <c:pt idx="210">
                  <c:v>213.697</c:v>
                </c:pt>
                <c:pt idx="211">
                  <c:v>214.191</c:v>
                </c:pt>
                <c:pt idx="212">
                  <c:v>214.625</c:v>
                </c:pt>
                <c:pt idx="213">
                  <c:v>214.69900000000001</c:v>
                </c:pt>
                <c:pt idx="214">
                  <c:v>213.94800000000001</c:v>
                </c:pt>
                <c:pt idx="215">
                  <c:v>212.69300000000001</c:v>
                </c:pt>
                <c:pt idx="216">
                  <c:v>213.32</c:v>
                </c:pt>
                <c:pt idx="217">
                  <c:v>213.50800000000001</c:v>
                </c:pt>
                <c:pt idx="218">
                  <c:v>214.59800000000001</c:v>
                </c:pt>
                <c:pt idx="219">
                  <c:v>215.81700000000001</c:v>
                </c:pt>
                <c:pt idx="220">
                  <c:v>215.38399999999999</c:v>
                </c:pt>
                <c:pt idx="221">
                  <c:v>215.12299999999999</c:v>
                </c:pt>
                <c:pt idx="222">
                  <c:v>214.72800000000001</c:v>
                </c:pt>
                <c:pt idx="223">
                  <c:v>213.45400000000001</c:v>
                </c:pt>
                <c:pt idx="224">
                  <c:v>213.809</c:v>
                </c:pt>
                <c:pt idx="225">
                  <c:v>213.36199999999999</c:v>
                </c:pt>
                <c:pt idx="226">
                  <c:v>213.261</c:v>
                </c:pt>
                <c:pt idx="227">
                  <c:v>213.64699999999999</c:v>
                </c:pt>
                <c:pt idx="228">
                  <c:v>214.64500000000001</c:v>
                </c:pt>
                <c:pt idx="229">
                  <c:v>213.57300000000001</c:v>
                </c:pt>
                <c:pt idx="230">
                  <c:v>213.80699999999999</c:v>
                </c:pt>
                <c:pt idx="231">
                  <c:v>216.32400000000001</c:v>
                </c:pt>
                <c:pt idx="232">
                  <c:v>213.03200000000001</c:v>
                </c:pt>
                <c:pt idx="233">
                  <c:v>212.76</c:v>
                </c:pt>
                <c:pt idx="234">
                  <c:v>214.167</c:v>
                </c:pt>
                <c:pt idx="235">
                  <c:v>213.714</c:v>
                </c:pt>
                <c:pt idx="236">
                  <c:v>214.185</c:v>
                </c:pt>
                <c:pt idx="237">
                  <c:v>212.96</c:v>
                </c:pt>
                <c:pt idx="238">
                  <c:v>213.81</c:v>
                </c:pt>
                <c:pt idx="239">
                  <c:v>213.369</c:v>
                </c:pt>
                <c:pt idx="240">
                  <c:v>213.279</c:v>
                </c:pt>
                <c:pt idx="241">
                  <c:v>213.50700000000001</c:v>
                </c:pt>
                <c:pt idx="242">
                  <c:v>212.988</c:v>
                </c:pt>
                <c:pt idx="243">
                  <c:v>212.952</c:v>
                </c:pt>
                <c:pt idx="244">
                  <c:v>212.96700000000001</c:v>
                </c:pt>
                <c:pt idx="245">
                  <c:v>213.03299999999999</c:v>
                </c:pt>
                <c:pt idx="246">
                  <c:v>213.06899999999999</c:v>
                </c:pt>
                <c:pt idx="247">
                  <c:v>215.005</c:v>
                </c:pt>
                <c:pt idx="248">
                  <c:v>214.49799999999999</c:v>
                </c:pt>
                <c:pt idx="249">
                  <c:v>213.28800000000001</c:v>
                </c:pt>
              </c:numCache>
            </c:numRef>
          </c:val>
          <c:smooth val="0"/>
          <c:extLst>
            <c:ext xmlns:c16="http://schemas.microsoft.com/office/drawing/2014/chart" uri="{C3380CC4-5D6E-409C-BE32-E72D297353CC}">
              <c16:uniqueId val="{00000004-F584-4FFB-9789-5A779A768EE0}"/>
            </c:ext>
          </c:extLst>
        </c:ser>
        <c:ser>
          <c:idx val="5"/>
          <c:order val="5"/>
          <c:tx>
            <c:strRef>
              <c:f>test_2_results_7down!$G$1</c:f>
              <c:strCache>
                <c:ptCount val="1"/>
                <c:pt idx="0">
                  <c:v>256 threads</c:v>
                </c:pt>
              </c:strCache>
            </c:strRef>
          </c:tx>
          <c:spPr>
            <a:ln w="28575" cap="rnd">
              <a:solidFill>
                <a:schemeClr val="accent6"/>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G$2:$G$251</c:f>
              <c:numCache>
                <c:formatCode>General</c:formatCode>
                <c:ptCount val="250"/>
                <c:pt idx="0">
                  <c:v>388.19099999999997</c:v>
                </c:pt>
                <c:pt idx="1">
                  <c:v>342.541</c:v>
                </c:pt>
                <c:pt idx="2">
                  <c:v>353.666</c:v>
                </c:pt>
                <c:pt idx="3">
                  <c:v>326.49799999999999</c:v>
                </c:pt>
                <c:pt idx="4">
                  <c:v>315.43400000000003</c:v>
                </c:pt>
                <c:pt idx="5">
                  <c:v>310.32600000000002</c:v>
                </c:pt>
                <c:pt idx="6">
                  <c:v>291.32299999999998</c:v>
                </c:pt>
                <c:pt idx="7">
                  <c:v>290.947</c:v>
                </c:pt>
                <c:pt idx="8">
                  <c:v>277.46800000000002</c:v>
                </c:pt>
                <c:pt idx="9">
                  <c:v>271.887</c:v>
                </c:pt>
                <c:pt idx="10">
                  <c:v>269.39699999999999</c:v>
                </c:pt>
                <c:pt idx="11">
                  <c:v>262.06400000000002</c:v>
                </c:pt>
                <c:pt idx="12">
                  <c:v>259.57499999999999</c:v>
                </c:pt>
                <c:pt idx="13">
                  <c:v>252.02500000000001</c:v>
                </c:pt>
                <c:pt idx="14">
                  <c:v>248.12700000000001</c:v>
                </c:pt>
                <c:pt idx="15">
                  <c:v>242.589</c:v>
                </c:pt>
                <c:pt idx="16">
                  <c:v>239.89400000000001</c:v>
                </c:pt>
                <c:pt idx="17">
                  <c:v>234.959</c:v>
                </c:pt>
                <c:pt idx="18">
                  <c:v>235.75899999999999</c:v>
                </c:pt>
                <c:pt idx="19">
                  <c:v>232.59299999999999</c:v>
                </c:pt>
                <c:pt idx="20">
                  <c:v>234.589</c:v>
                </c:pt>
                <c:pt idx="21">
                  <c:v>232.52099999999999</c:v>
                </c:pt>
                <c:pt idx="22">
                  <c:v>228.482</c:v>
                </c:pt>
                <c:pt idx="23">
                  <c:v>226.93199999999999</c:v>
                </c:pt>
                <c:pt idx="24">
                  <c:v>226.989</c:v>
                </c:pt>
                <c:pt idx="25">
                  <c:v>224.67500000000001</c:v>
                </c:pt>
                <c:pt idx="26">
                  <c:v>225.94900000000001</c:v>
                </c:pt>
                <c:pt idx="27">
                  <c:v>226.97800000000001</c:v>
                </c:pt>
                <c:pt idx="28">
                  <c:v>228.74</c:v>
                </c:pt>
                <c:pt idx="29">
                  <c:v>224.821</c:v>
                </c:pt>
                <c:pt idx="30">
                  <c:v>226.04</c:v>
                </c:pt>
                <c:pt idx="31">
                  <c:v>226.77</c:v>
                </c:pt>
                <c:pt idx="32">
                  <c:v>224.56899999999999</c:v>
                </c:pt>
                <c:pt idx="33">
                  <c:v>224.68100000000001</c:v>
                </c:pt>
                <c:pt idx="34">
                  <c:v>225.042</c:v>
                </c:pt>
                <c:pt idx="35">
                  <c:v>225.583</c:v>
                </c:pt>
                <c:pt idx="36">
                  <c:v>224.179</c:v>
                </c:pt>
                <c:pt idx="37">
                  <c:v>221.93600000000001</c:v>
                </c:pt>
                <c:pt idx="38">
                  <c:v>221.995</c:v>
                </c:pt>
                <c:pt idx="39">
                  <c:v>226.91300000000001</c:v>
                </c:pt>
                <c:pt idx="40">
                  <c:v>223.649</c:v>
                </c:pt>
                <c:pt idx="41">
                  <c:v>222.762</c:v>
                </c:pt>
                <c:pt idx="42">
                  <c:v>222.15100000000001</c:v>
                </c:pt>
                <c:pt idx="43">
                  <c:v>221.23599999999999</c:v>
                </c:pt>
                <c:pt idx="44">
                  <c:v>220.857</c:v>
                </c:pt>
                <c:pt idx="45">
                  <c:v>224.78299999999999</c:v>
                </c:pt>
                <c:pt idx="46">
                  <c:v>221.143</c:v>
                </c:pt>
                <c:pt idx="47">
                  <c:v>220.07900000000001</c:v>
                </c:pt>
                <c:pt idx="48">
                  <c:v>219.88300000000001</c:v>
                </c:pt>
                <c:pt idx="49">
                  <c:v>218.946</c:v>
                </c:pt>
                <c:pt idx="50">
                  <c:v>220.28700000000001</c:v>
                </c:pt>
                <c:pt idx="51">
                  <c:v>217.929</c:v>
                </c:pt>
                <c:pt idx="52">
                  <c:v>221.20099999999999</c:v>
                </c:pt>
                <c:pt idx="53">
                  <c:v>218.44900000000001</c:v>
                </c:pt>
                <c:pt idx="54">
                  <c:v>217.25299999999999</c:v>
                </c:pt>
                <c:pt idx="55">
                  <c:v>218.22300000000001</c:v>
                </c:pt>
                <c:pt idx="56">
                  <c:v>217.506</c:v>
                </c:pt>
                <c:pt idx="57">
                  <c:v>217.67</c:v>
                </c:pt>
                <c:pt idx="58">
                  <c:v>217.27</c:v>
                </c:pt>
                <c:pt idx="59">
                  <c:v>218.03700000000001</c:v>
                </c:pt>
                <c:pt idx="60">
                  <c:v>218.49299999999999</c:v>
                </c:pt>
                <c:pt idx="61">
                  <c:v>219.273</c:v>
                </c:pt>
                <c:pt idx="62">
                  <c:v>217.53800000000001</c:v>
                </c:pt>
                <c:pt idx="63">
                  <c:v>215.65100000000001</c:v>
                </c:pt>
                <c:pt idx="64">
                  <c:v>218.666</c:v>
                </c:pt>
                <c:pt idx="65">
                  <c:v>219.065</c:v>
                </c:pt>
                <c:pt idx="66">
                  <c:v>216.845</c:v>
                </c:pt>
                <c:pt idx="67">
                  <c:v>216.87100000000001</c:v>
                </c:pt>
                <c:pt idx="68">
                  <c:v>217.82499999999999</c:v>
                </c:pt>
                <c:pt idx="69">
                  <c:v>217.25</c:v>
                </c:pt>
                <c:pt idx="70">
                  <c:v>217.21899999999999</c:v>
                </c:pt>
                <c:pt idx="71">
                  <c:v>217.87799999999999</c:v>
                </c:pt>
                <c:pt idx="72">
                  <c:v>216.178</c:v>
                </c:pt>
                <c:pt idx="73">
                  <c:v>215.90700000000001</c:v>
                </c:pt>
                <c:pt idx="74">
                  <c:v>215.88</c:v>
                </c:pt>
                <c:pt idx="75">
                  <c:v>214.732</c:v>
                </c:pt>
                <c:pt idx="76">
                  <c:v>216.20400000000001</c:v>
                </c:pt>
                <c:pt idx="77">
                  <c:v>215.68899999999999</c:v>
                </c:pt>
                <c:pt idx="78">
                  <c:v>214.352</c:v>
                </c:pt>
                <c:pt idx="79">
                  <c:v>215.69300000000001</c:v>
                </c:pt>
                <c:pt idx="80">
                  <c:v>214.96299999999999</c:v>
                </c:pt>
                <c:pt idx="81">
                  <c:v>215.642</c:v>
                </c:pt>
                <c:pt idx="82">
                  <c:v>215.947</c:v>
                </c:pt>
                <c:pt idx="83">
                  <c:v>214.61799999999999</c:v>
                </c:pt>
                <c:pt idx="84">
                  <c:v>215.321</c:v>
                </c:pt>
                <c:pt idx="85">
                  <c:v>215.203</c:v>
                </c:pt>
                <c:pt idx="86">
                  <c:v>220.03299999999999</c:v>
                </c:pt>
                <c:pt idx="87">
                  <c:v>215.11</c:v>
                </c:pt>
                <c:pt idx="88">
                  <c:v>215.828</c:v>
                </c:pt>
                <c:pt idx="89">
                  <c:v>214.05099999999999</c:v>
                </c:pt>
                <c:pt idx="90">
                  <c:v>213.727</c:v>
                </c:pt>
                <c:pt idx="91">
                  <c:v>214.215</c:v>
                </c:pt>
                <c:pt idx="92">
                  <c:v>213.923</c:v>
                </c:pt>
                <c:pt idx="93">
                  <c:v>215.18600000000001</c:v>
                </c:pt>
                <c:pt idx="94">
                  <c:v>214.27699999999999</c:v>
                </c:pt>
                <c:pt idx="95">
                  <c:v>214.89099999999999</c:v>
                </c:pt>
                <c:pt idx="96">
                  <c:v>214.58099999999999</c:v>
                </c:pt>
                <c:pt idx="97">
                  <c:v>214.02699999999999</c:v>
                </c:pt>
                <c:pt idx="98">
                  <c:v>214.244</c:v>
                </c:pt>
                <c:pt idx="99">
                  <c:v>215.828</c:v>
                </c:pt>
                <c:pt idx="100">
                  <c:v>214.26499999999999</c:v>
                </c:pt>
                <c:pt idx="101">
                  <c:v>215.881</c:v>
                </c:pt>
                <c:pt idx="102">
                  <c:v>212.727</c:v>
                </c:pt>
                <c:pt idx="103">
                  <c:v>213.994</c:v>
                </c:pt>
                <c:pt idx="104">
                  <c:v>214.85499999999999</c:v>
                </c:pt>
                <c:pt idx="105">
                  <c:v>214.767</c:v>
                </c:pt>
                <c:pt idx="106">
                  <c:v>214.98400000000001</c:v>
                </c:pt>
                <c:pt idx="107">
                  <c:v>214.20400000000001</c:v>
                </c:pt>
                <c:pt idx="108">
                  <c:v>213.172</c:v>
                </c:pt>
                <c:pt idx="109">
                  <c:v>216.30500000000001</c:v>
                </c:pt>
                <c:pt idx="110">
                  <c:v>214.542</c:v>
                </c:pt>
                <c:pt idx="111">
                  <c:v>216.46299999999999</c:v>
                </c:pt>
                <c:pt idx="112">
                  <c:v>214.898</c:v>
                </c:pt>
                <c:pt idx="113">
                  <c:v>214.25200000000001</c:v>
                </c:pt>
                <c:pt idx="114">
                  <c:v>212.512</c:v>
                </c:pt>
                <c:pt idx="115">
                  <c:v>212.828</c:v>
                </c:pt>
                <c:pt idx="116">
                  <c:v>213.953</c:v>
                </c:pt>
                <c:pt idx="117">
                  <c:v>213.767</c:v>
                </c:pt>
                <c:pt idx="118">
                  <c:v>212.79599999999999</c:v>
                </c:pt>
                <c:pt idx="119">
                  <c:v>213.03100000000001</c:v>
                </c:pt>
                <c:pt idx="120">
                  <c:v>212.703</c:v>
                </c:pt>
                <c:pt idx="121">
                  <c:v>212.947</c:v>
                </c:pt>
                <c:pt idx="122">
                  <c:v>212.92</c:v>
                </c:pt>
                <c:pt idx="123">
                  <c:v>212.50299999999999</c:v>
                </c:pt>
                <c:pt idx="124">
                  <c:v>213.809</c:v>
                </c:pt>
                <c:pt idx="125">
                  <c:v>213.07599999999999</c:v>
                </c:pt>
                <c:pt idx="126">
                  <c:v>212.65</c:v>
                </c:pt>
                <c:pt idx="127">
                  <c:v>215.25399999999999</c:v>
                </c:pt>
                <c:pt idx="128">
                  <c:v>213.869</c:v>
                </c:pt>
                <c:pt idx="129">
                  <c:v>212.66499999999999</c:v>
                </c:pt>
                <c:pt idx="130">
                  <c:v>213.28299999999999</c:v>
                </c:pt>
                <c:pt idx="131">
                  <c:v>212.86099999999999</c:v>
                </c:pt>
                <c:pt idx="132">
                  <c:v>212.35300000000001</c:v>
                </c:pt>
                <c:pt idx="133">
                  <c:v>213.971</c:v>
                </c:pt>
                <c:pt idx="134">
                  <c:v>215.12100000000001</c:v>
                </c:pt>
                <c:pt idx="135">
                  <c:v>213.18899999999999</c:v>
                </c:pt>
                <c:pt idx="136">
                  <c:v>213.995</c:v>
                </c:pt>
                <c:pt idx="137">
                  <c:v>213.06899999999999</c:v>
                </c:pt>
                <c:pt idx="138">
                  <c:v>212.614</c:v>
                </c:pt>
                <c:pt idx="139">
                  <c:v>214.14099999999999</c:v>
                </c:pt>
                <c:pt idx="140">
                  <c:v>214.261</c:v>
                </c:pt>
                <c:pt idx="141">
                  <c:v>213.916</c:v>
                </c:pt>
                <c:pt idx="142">
                  <c:v>213.51499999999999</c:v>
                </c:pt>
                <c:pt idx="143">
                  <c:v>214.21700000000001</c:v>
                </c:pt>
                <c:pt idx="144">
                  <c:v>214.221</c:v>
                </c:pt>
                <c:pt idx="145">
                  <c:v>212.76400000000001</c:v>
                </c:pt>
                <c:pt idx="146">
                  <c:v>216.036</c:v>
                </c:pt>
                <c:pt idx="147">
                  <c:v>214.756</c:v>
                </c:pt>
                <c:pt idx="148">
                  <c:v>213.387</c:v>
                </c:pt>
                <c:pt idx="149">
                  <c:v>212.857</c:v>
                </c:pt>
                <c:pt idx="150">
                  <c:v>216.297</c:v>
                </c:pt>
                <c:pt idx="151">
                  <c:v>216.72300000000001</c:v>
                </c:pt>
                <c:pt idx="152">
                  <c:v>215.35</c:v>
                </c:pt>
                <c:pt idx="153">
                  <c:v>213.69800000000001</c:v>
                </c:pt>
                <c:pt idx="154">
                  <c:v>213.09399999999999</c:v>
                </c:pt>
                <c:pt idx="155">
                  <c:v>214.35</c:v>
                </c:pt>
                <c:pt idx="156">
                  <c:v>214.197</c:v>
                </c:pt>
                <c:pt idx="157">
                  <c:v>213.19800000000001</c:v>
                </c:pt>
                <c:pt idx="158">
                  <c:v>213.821</c:v>
                </c:pt>
                <c:pt idx="159">
                  <c:v>213.57499999999999</c:v>
                </c:pt>
                <c:pt idx="160">
                  <c:v>213.81200000000001</c:v>
                </c:pt>
                <c:pt idx="161">
                  <c:v>214.828</c:v>
                </c:pt>
                <c:pt idx="162">
                  <c:v>212.89500000000001</c:v>
                </c:pt>
                <c:pt idx="163">
                  <c:v>213.06700000000001</c:v>
                </c:pt>
                <c:pt idx="164">
                  <c:v>214.459</c:v>
                </c:pt>
                <c:pt idx="165">
                  <c:v>212.73099999999999</c:v>
                </c:pt>
                <c:pt idx="166">
                  <c:v>213.97300000000001</c:v>
                </c:pt>
                <c:pt idx="167">
                  <c:v>214.63</c:v>
                </c:pt>
                <c:pt idx="168">
                  <c:v>213.06399999999999</c:v>
                </c:pt>
                <c:pt idx="169">
                  <c:v>213.221</c:v>
                </c:pt>
                <c:pt idx="170">
                  <c:v>213.19499999999999</c:v>
                </c:pt>
                <c:pt idx="171">
                  <c:v>213.929</c:v>
                </c:pt>
                <c:pt idx="172">
                  <c:v>212.52699999999999</c:v>
                </c:pt>
                <c:pt idx="173">
                  <c:v>213.358</c:v>
                </c:pt>
                <c:pt idx="174">
                  <c:v>213.21100000000001</c:v>
                </c:pt>
                <c:pt idx="175">
                  <c:v>212.99600000000001</c:v>
                </c:pt>
                <c:pt idx="176">
                  <c:v>214.304</c:v>
                </c:pt>
                <c:pt idx="177">
                  <c:v>213.37100000000001</c:v>
                </c:pt>
                <c:pt idx="178">
                  <c:v>213.73099999999999</c:v>
                </c:pt>
                <c:pt idx="179">
                  <c:v>212.67599999999999</c:v>
                </c:pt>
                <c:pt idx="180">
                  <c:v>214.21</c:v>
                </c:pt>
                <c:pt idx="181">
                  <c:v>213.001</c:v>
                </c:pt>
                <c:pt idx="182">
                  <c:v>212.69</c:v>
                </c:pt>
                <c:pt idx="183">
                  <c:v>213.83799999999999</c:v>
                </c:pt>
                <c:pt idx="184">
                  <c:v>212.78299999999999</c:v>
                </c:pt>
                <c:pt idx="185">
                  <c:v>213.20500000000001</c:v>
                </c:pt>
                <c:pt idx="186">
                  <c:v>213.57400000000001</c:v>
                </c:pt>
                <c:pt idx="187">
                  <c:v>213.44</c:v>
                </c:pt>
                <c:pt idx="188">
                  <c:v>213.17400000000001</c:v>
                </c:pt>
                <c:pt idx="189">
                  <c:v>213.72399999999999</c:v>
                </c:pt>
                <c:pt idx="190">
                  <c:v>212.56700000000001</c:v>
                </c:pt>
                <c:pt idx="191">
                  <c:v>215.38399999999999</c:v>
                </c:pt>
                <c:pt idx="192">
                  <c:v>214.06800000000001</c:v>
                </c:pt>
                <c:pt idx="193">
                  <c:v>214.34800000000001</c:v>
                </c:pt>
                <c:pt idx="194">
                  <c:v>213.345</c:v>
                </c:pt>
                <c:pt idx="195">
                  <c:v>213.876</c:v>
                </c:pt>
                <c:pt idx="196">
                  <c:v>214.59399999999999</c:v>
                </c:pt>
                <c:pt idx="197">
                  <c:v>214.708</c:v>
                </c:pt>
                <c:pt idx="198">
                  <c:v>213.965</c:v>
                </c:pt>
                <c:pt idx="199">
                  <c:v>213.75200000000001</c:v>
                </c:pt>
                <c:pt idx="200">
                  <c:v>213.828</c:v>
                </c:pt>
                <c:pt idx="201">
                  <c:v>213.36500000000001</c:v>
                </c:pt>
                <c:pt idx="202">
                  <c:v>215.185</c:v>
                </c:pt>
                <c:pt idx="203">
                  <c:v>213.07300000000001</c:v>
                </c:pt>
                <c:pt idx="204">
                  <c:v>213.4</c:v>
                </c:pt>
                <c:pt idx="205">
                  <c:v>214.02799999999999</c:v>
                </c:pt>
                <c:pt idx="206">
                  <c:v>214.447</c:v>
                </c:pt>
                <c:pt idx="207">
                  <c:v>213.84800000000001</c:v>
                </c:pt>
                <c:pt idx="208">
                  <c:v>214.71299999999999</c:v>
                </c:pt>
                <c:pt idx="209">
                  <c:v>214.07599999999999</c:v>
                </c:pt>
                <c:pt idx="210">
                  <c:v>213.89599999999999</c:v>
                </c:pt>
                <c:pt idx="211">
                  <c:v>212.40199999999999</c:v>
                </c:pt>
                <c:pt idx="212">
                  <c:v>215.67</c:v>
                </c:pt>
                <c:pt idx="213">
                  <c:v>213.649</c:v>
                </c:pt>
                <c:pt idx="214">
                  <c:v>214.40700000000001</c:v>
                </c:pt>
                <c:pt idx="215">
                  <c:v>215.00299999999999</c:v>
                </c:pt>
                <c:pt idx="216">
                  <c:v>213.05799999999999</c:v>
                </c:pt>
                <c:pt idx="217">
                  <c:v>212.95500000000001</c:v>
                </c:pt>
                <c:pt idx="218">
                  <c:v>214.08500000000001</c:v>
                </c:pt>
                <c:pt idx="219">
                  <c:v>216.23699999999999</c:v>
                </c:pt>
                <c:pt idx="220">
                  <c:v>215.715</c:v>
                </c:pt>
                <c:pt idx="221">
                  <c:v>217.77799999999999</c:v>
                </c:pt>
                <c:pt idx="222">
                  <c:v>213.94800000000001</c:v>
                </c:pt>
                <c:pt idx="223">
                  <c:v>214.262</c:v>
                </c:pt>
                <c:pt idx="224">
                  <c:v>213.60599999999999</c:v>
                </c:pt>
                <c:pt idx="225">
                  <c:v>214.18799999999999</c:v>
                </c:pt>
                <c:pt idx="226">
                  <c:v>214.46600000000001</c:v>
                </c:pt>
                <c:pt idx="227">
                  <c:v>213.44499999999999</c:v>
                </c:pt>
                <c:pt idx="228">
                  <c:v>213.37299999999999</c:v>
                </c:pt>
                <c:pt idx="229">
                  <c:v>214.89400000000001</c:v>
                </c:pt>
                <c:pt idx="230">
                  <c:v>214.12299999999999</c:v>
                </c:pt>
                <c:pt idx="231">
                  <c:v>214.59399999999999</c:v>
                </c:pt>
                <c:pt idx="232">
                  <c:v>214.292</c:v>
                </c:pt>
                <c:pt idx="233">
                  <c:v>212.506</c:v>
                </c:pt>
                <c:pt idx="234">
                  <c:v>212.107</c:v>
                </c:pt>
                <c:pt idx="235">
                  <c:v>212.857</c:v>
                </c:pt>
                <c:pt idx="236">
                  <c:v>212.44300000000001</c:v>
                </c:pt>
                <c:pt idx="237">
                  <c:v>211.90299999999999</c:v>
                </c:pt>
                <c:pt idx="238">
                  <c:v>212.46899999999999</c:v>
                </c:pt>
                <c:pt idx="239">
                  <c:v>213.083</c:v>
                </c:pt>
                <c:pt idx="240">
                  <c:v>213.35</c:v>
                </c:pt>
                <c:pt idx="241">
                  <c:v>212.249</c:v>
                </c:pt>
                <c:pt idx="242">
                  <c:v>211.97399999999999</c:v>
                </c:pt>
                <c:pt idx="243">
                  <c:v>212.06899999999999</c:v>
                </c:pt>
                <c:pt idx="244">
                  <c:v>212.499</c:v>
                </c:pt>
                <c:pt idx="245">
                  <c:v>212.28100000000001</c:v>
                </c:pt>
                <c:pt idx="246">
                  <c:v>212.126</c:v>
                </c:pt>
                <c:pt idx="247">
                  <c:v>212.48599999999999</c:v>
                </c:pt>
                <c:pt idx="248">
                  <c:v>211.994</c:v>
                </c:pt>
                <c:pt idx="249">
                  <c:v>211.86500000000001</c:v>
                </c:pt>
              </c:numCache>
            </c:numRef>
          </c:val>
          <c:smooth val="0"/>
          <c:extLst>
            <c:ext xmlns:c16="http://schemas.microsoft.com/office/drawing/2014/chart" uri="{C3380CC4-5D6E-409C-BE32-E72D297353CC}">
              <c16:uniqueId val="{00000005-F584-4FFB-9789-5A779A768EE0}"/>
            </c:ext>
          </c:extLst>
        </c:ser>
        <c:dLbls>
          <c:showLegendKey val="0"/>
          <c:showVal val="0"/>
          <c:showCatName val="0"/>
          <c:showSerName val="0"/>
          <c:showPercent val="0"/>
          <c:showBubbleSize val="0"/>
        </c:dLbls>
        <c:smooth val="0"/>
        <c:axId val="291249696"/>
        <c:axId val="291251136"/>
      </c:lineChart>
      <c:catAx>
        <c:axId val="29124969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1251136"/>
        <c:crosses val="autoZero"/>
        <c:auto val="1"/>
        <c:lblAlgn val="ctr"/>
        <c:lblOffset val="100"/>
        <c:noMultiLvlLbl val="0"/>
      </c:catAx>
      <c:valAx>
        <c:axId val="29125113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12496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Ambient</a:t>
            </a:r>
            <a:r>
              <a:rPr lang="en-GB" baseline="0" dirty="0"/>
              <a:t> occlusion on scene 2</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3_scene2_results!$B$1</c:f>
              <c:strCache>
                <c:ptCount val="1"/>
                <c:pt idx="0">
                  <c:v>1 splits</c:v>
                </c:pt>
              </c:strCache>
            </c:strRef>
          </c:tx>
          <c:spPr>
            <a:ln w="28575" cap="rnd">
              <a:solidFill>
                <a:schemeClr val="accent1"/>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B$2:$B$129</c:f>
              <c:numCache>
                <c:formatCode>General</c:formatCode>
                <c:ptCount val="128"/>
                <c:pt idx="0">
                  <c:v>35.397199999999998</c:v>
                </c:pt>
                <c:pt idx="1">
                  <c:v>36.006</c:v>
                </c:pt>
                <c:pt idx="2">
                  <c:v>41.038200000000003</c:v>
                </c:pt>
                <c:pt idx="3">
                  <c:v>46.721499999999999</c:v>
                </c:pt>
                <c:pt idx="4">
                  <c:v>52.137099999999997</c:v>
                </c:pt>
                <c:pt idx="5">
                  <c:v>56.846299999999999</c:v>
                </c:pt>
                <c:pt idx="6">
                  <c:v>62.482399999999998</c:v>
                </c:pt>
                <c:pt idx="7">
                  <c:v>68.662199999999999</c:v>
                </c:pt>
                <c:pt idx="8">
                  <c:v>76.378299999999996</c:v>
                </c:pt>
                <c:pt idx="9">
                  <c:v>79.425700000000006</c:v>
                </c:pt>
                <c:pt idx="10">
                  <c:v>84.738</c:v>
                </c:pt>
                <c:pt idx="11">
                  <c:v>89.9315</c:v>
                </c:pt>
                <c:pt idx="12">
                  <c:v>95.715999999999994</c:v>
                </c:pt>
                <c:pt idx="13">
                  <c:v>103.789</c:v>
                </c:pt>
                <c:pt idx="14">
                  <c:v>114.797</c:v>
                </c:pt>
                <c:pt idx="15">
                  <c:v>113.845</c:v>
                </c:pt>
                <c:pt idx="16">
                  <c:v>119.378</c:v>
                </c:pt>
                <c:pt idx="17">
                  <c:v>126.06</c:v>
                </c:pt>
                <c:pt idx="18">
                  <c:v>132.13499999999999</c:v>
                </c:pt>
                <c:pt idx="19">
                  <c:v>137.887</c:v>
                </c:pt>
                <c:pt idx="20">
                  <c:v>144.28700000000001</c:v>
                </c:pt>
                <c:pt idx="21">
                  <c:v>150.101</c:v>
                </c:pt>
                <c:pt idx="22">
                  <c:v>156.309</c:v>
                </c:pt>
                <c:pt idx="23">
                  <c:v>162.565</c:v>
                </c:pt>
                <c:pt idx="24">
                  <c:v>168.56299999999999</c:v>
                </c:pt>
                <c:pt idx="25">
                  <c:v>177.964</c:v>
                </c:pt>
                <c:pt idx="26">
                  <c:v>182.21</c:v>
                </c:pt>
                <c:pt idx="27">
                  <c:v>190.22499999999999</c:v>
                </c:pt>
                <c:pt idx="28">
                  <c:v>194.61199999999999</c:v>
                </c:pt>
                <c:pt idx="29">
                  <c:v>202.631</c:v>
                </c:pt>
                <c:pt idx="30">
                  <c:v>209.29900000000001</c:v>
                </c:pt>
                <c:pt idx="31">
                  <c:v>216.887</c:v>
                </c:pt>
                <c:pt idx="32">
                  <c:v>225.05600000000001</c:v>
                </c:pt>
                <c:pt idx="33">
                  <c:v>232.42699999999999</c:v>
                </c:pt>
                <c:pt idx="34">
                  <c:v>242.20400000000001</c:v>
                </c:pt>
                <c:pt idx="35">
                  <c:v>249.386</c:v>
                </c:pt>
                <c:pt idx="36">
                  <c:v>266.30599999999998</c:v>
                </c:pt>
                <c:pt idx="37">
                  <c:v>271.59300000000002</c:v>
                </c:pt>
                <c:pt idx="38">
                  <c:v>275.16500000000002</c:v>
                </c:pt>
                <c:pt idx="39">
                  <c:v>285.28300000000002</c:v>
                </c:pt>
                <c:pt idx="40">
                  <c:v>292.30500000000001</c:v>
                </c:pt>
                <c:pt idx="41">
                  <c:v>299.70499999999998</c:v>
                </c:pt>
                <c:pt idx="42">
                  <c:v>305.61200000000002</c:v>
                </c:pt>
                <c:pt idx="43">
                  <c:v>311.22800000000001</c:v>
                </c:pt>
                <c:pt idx="44">
                  <c:v>318.49099999999999</c:v>
                </c:pt>
                <c:pt idx="45">
                  <c:v>331.97800000000001</c:v>
                </c:pt>
                <c:pt idx="46">
                  <c:v>333.31099999999998</c:v>
                </c:pt>
                <c:pt idx="47">
                  <c:v>337.89600000000002</c:v>
                </c:pt>
                <c:pt idx="48">
                  <c:v>344.24799999999999</c:v>
                </c:pt>
                <c:pt idx="49">
                  <c:v>351.4</c:v>
                </c:pt>
                <c:pt idx="50">
                  <c:v>357.60300000000001</c:v>
                </c:pt>
                <c:pt idx="51">
                  <c:v>364.18599999999998</c:v>
                </c:pt>
                <c:pt idx="52">
                  <c:v>370.47500000000002</c:v>
                </c:pt>
                <c:pt idx="53">
                  <c:v>376.62700000000001</c:v>
                </c:pt>
                <c:pt idx="54">
                  <c:v>382.464</c:v>
                </c:pt>
                <c:pt idx="55">
                  <c:v>406.87799999999999</c:v>
                </c:pt>
                <c:pt idx="56">
                  <c:v>412.14600000000002</c:v>
                </c:pt>
                <c:pt idx="57">
                  <c:v>413.50900000000001</c:v>
                </c:pt>
                <c:pt idx="58">
                  <c:v>424.78</c:v>
                </c:pt>
                <c:pt idx="59">
                  <c:v>416.49299999999999</c:v>
                </c:pt>
                <c:pt idx="60">
                  <c:v>422.35599999999999</c:v>
                </c:pt>
                <c:pt idx="61">
                  <c:v>431.78800000000001</c:v>
                </c:pt>
                <c:pt idx="62">
                  <c:v>439.19</c:v>
                </c:pt>
                <c:pt idx="63">
                  <c:v>442.75599999999997</c:v>
                </c:pt>
                <c:pt idx="64">
                  <c:v>449.18099999999998</c:v>
                </c:pt>
                <c:pt idx="65">
                  <c:v>460.97300000000001</c:v>
                </c:pt>
                <c:pt idx="66">
                  <c:v>462.43700000000001</c:v>
                </c:pt>
                <c:pt idx="67">
                  <c:v>471.50900000000001</c:v>
                </c:pt>
                <c:pt idx="68">
                  <c:v>476.60500000000002</c:v>
                </c:pt>
                <c:pt idx="69">
                  <c:v>485.779</c:v>
                </c:pt>
                <c:pt idx="70">
                  <c:v>489.13299999999998</c:v>
                </c:pt>
                <c:pt idx="71">
                  <c:v>495.93099999999998</c:v>
                </c:pt>
                <c:pt idx="72">
                  <c:v>519.44299999999998</c:v>
                </c:pt>
                <c:pt idx="73">
                  <c:v>509.26100000000002</c:v>
                </c:pt>
                <c:pt idx="74">
                  <c:v>515.47199999999998</c:v>
                </c:pt>
                <c:pt idx="75">
                  <c:v>522.04399999999998</c:v>
                </c:pt>
                <c:pt idx="76">
                  <c:v>529.60500000000002</c:v>
                </c:pt>
                <c:pt idx="77">
                  <c:v>533.74599999999998</c:v>
                </c:pt>
                <c:pt idx="78">
                  <c:v>540.78</c:v>
                </c:pt>
                <c:pt idx="79">
                  <c:v>548.52499999999998</c:v>
                </c:pt>
                <c:pt idx="80">
                  <c:v>554.14599999999996</c:v>
                </c:pt>
                <c:pt idx="81">
                  <c:v>565.11900000000003</c:v>
                </c:pt>
                <c:pt idx="82">
                  <c:v>592.42200000000003</c:v>
                </c:pt>
                <c:pt idx="83">
                  <c:v>599.70000000000005</c:v>
                </c:pt>
                <c:pt idx="84">
                  <c:v>604.88400000000001</c:v>
                </c:pt>
                <c:pt idx="85">
                  <c:v>613.60500000000002</c:v>
                </c:pt>
                <c:pt idx="86">
                  <c:v>615.97199999999998</c:v>
                </c:pt>
                <c:pt idx="87">
                  <c:v>627.97199999999998</c:v>
                </c:pt>
                <c:pt idx="88">
                  <c:v>634.39499999999998</c:v>
                </c:pt>
                <c:pt idx="89">
                  <c:v>639.15499999999997</c:v>
                </c:pt>
                <c:pt idx="90">
                  <c:v>649.16800000000001</c:v>
                </c:pt>
                <c:pt idx="91">
                  <c:v>657.50599999999997</c:v>
                </c:pt>
                <c:pt idx="92">
                  <c:v>665.27599999999995</c:v>
                </c:pt>
                <c:pt idx="93">
                  <c:v>679.28800000000001</c:v>
                </c:pt>
                <c:pt idx="94">
                  <c:v>684.05799999999999</c:v>
                </c:pt>
                <c:pt idx="95">
                  <c:v>689.56899999999996</c:v>
                </c:pt>
                <c:pt idx="96">
                  <c:v>687.93499999999995</c:v>
                </c:pt>
                <c:pt idx="97">
                  <c:v>691.40499999999997</c:v>
                </c:pt>
                <c:pt idx="98">
                  <c:v>706.37699999999995</c:v>
                </c:pt>
                <c:pt idx="99">
                  <c:v>708.23800000000006</c:v>
                </c:pt>
                <c:pt idx="100">
                  <c:v>717.26099999999997</c:v>
                </c:pt>
                <c:pt idx="101">
                  <c:v>728.61699999999996</c:v>
                </c:pt>
                <c:pt idx="102">
                  <c:v>736.13300000000004</c:v>
                </c:pt>
                <c:pt idx="103">
                  <c:v>737.57799999999997</c:v>
                </c:pt>
                <c:pt idx="104">
                  <c:v>747.00900000000001</c:v>
                </c:pt>
                <c:pt idx="105">
                  <c:v>759.57299999999998</c:v>
                </c:pt>
                <c:pt idx="106">
                  <c:v>762.322</c:v>
                </c:pt>
                <c:pt idx="107">
                  <c:v>778.42899999999997</c:v>
                </c:pt>
                <c:pt idx="108">
                  <c:v>776.93399999999997</c:v>
                </c:pt>
                <c:pt idx="109">
                  <c:v>784.755</c:v>
                </c:pt>
                <c:pt idx="110">
                  <c:v>786.65300000000002</c:v>
                </c:pt>
                <c:pt idx="111">
                  <c:v>800.59199999999998</c:v>
                </c:pt>
                <c:pt idx="112">
                  <c:v>804.58100000000002</c:v>
                </c:pt>
                <c:pt idx="113">
                  <c:v>815.62400000000002</c:v>
                </c:pt>
                <c:pt idx="114">
                  <c:v>816.14</c:v>
                </c:pt>
                <c:pt idx="115">
                  <c:v>825.78800000000001</c:v>
                </c:pt>
                <c:pt idx="116">
                  <c:v>828.08500000000004</c:v>
                </c:pt>
                <c:pt idx="117">
                  <c:v>839.7</c:v>
                </c:pt>
                <c:pt idx="118">
                  <c:v>841.678</c:v>
                </c:pt>
                <c:pt idx="119">
                  <c:v>838.154</c:v>
                </c:pt>
                <c:pt idx="120">
                  <c:v>853.60900000000004</c:v>
                </c:pt>
                <c:pt idx="121">
                  <c:v>857.24800000000005</c:v>
                </c:pt>
                <c:pt idx="122">
                  <c:v>871.44399999999996</c:v>
                </c:pt>
                <c:pt idx="123">
                  <c:v>876.84799999999996</c:v>
                </c:pt>
                <c:pt idx="124">
                  <c:v>877.75400000000002</c:v>
                </c:pt>
                <c:pt idx="125">
                  <c:v>900.21900000000005</c:v>
                </c:pt>
                <c:pt idx="126">
                  <c:v>888.322</c:v>
                </c:pt>
                <c:pt idx="127">
                  <c:v>897.29399999999998</c:v>
                </c:pt>
              </c:numCache>
            </c:numRef>
          </c:val>
          <c:smooth val="0"/>
          <c:extLst>
            <c:ext xmlns:c16="http://schemas.microsoft.com/office/drawing/2014/chart" uri="{C3380CC4-5D6E-409C-BE32-E72D297353CC}">
              <c16:uniqueId val="{00000000-442F-436E-BE10-B63B67BC0B94}"/>
            </c:ext>
          </c:extLst>
        </c:ser>
        <c:ser>
          <c:idx val="1"/>
          <c:order val="1"/>
          <c:tx>
            <c:strRef>
              <c:f>test_3_scene2_results!$C$1</c:f>
              <c:strCache>
                <c:ptCount val="1"/>
                <c:pt idx="0">
                  <c:v>2 splits</c:v>
                </c:pt>
              </c:strCache>
            </c:strRef>
          </c:tx>
          <c:spPr>
            <a:ln w="28575" cap="rnd">
              <a:solidFill>
                <a:schemeClr val="accent2"/>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C$2:$C$129</c:f>
              <c:numCache>
                <c:formatCode>General</c:formatCode>
                <c:ptCount val="128"/>
                <c:pt idx="0">
                  <c:v>30.167200000000001</c:v>
                </c:pt>
                <c:pt idx="1">
                  <c:v>30.9132</c:v>
                </c:pt>
                <c:pt idx="2">
                  <c:v>36.937100000000001</c:v>
                </c:pt>
                <c:pt idx="3">
                  <c:v>40.353299999999997</c:v>
                </c:pt>
                <c:pt idx="4">
                  <c:v>47.005499999999998</c:v>
                </c:pt>
                <c:pt idx="5">
                  <c:v>49.003399999999999</c:v>
                </c:pt>
                <c:pt idx="6">
                  <c:v>54.214700000000001</c:v>
                </c:pt>
                <c:pt idx="7">
                  <c:v>57.794899999999998</c:v>
                </c:pt>
                <c:pt idx="8">
                  <c:v>62.747199999999999</c:v>
                </c:pt>
                <c:pt idx="9">
                  <c:v>67.541300000000007</c:v>
                </c:pt>
                <c:pt idx="10">
                  <c:v>73.031499999999994</c:v>
                </c:pt>
                <c:pt idx="11">
                  <c:v>77.388300000000001</c:v>
                </c:pt>
                <c:pt idx="12">
                  <c:v>83.084400000000002</c:v>
                </c:pt>
                <c:pt idx="13">
                  <c:v>88.889200000000002</c:v>
                </c:pt>
                <c:pt idx="14">
                  <c:v>97.205299999999994</c:v>
                </c:pt>
                <c:pt idx="15">
                  <c:v>97.058599999999998</c:v>
                </c:pt>
                <c:pt idx="16">
                  <c:v>104.303</c:v>
                </c:pt>
                <c:pt idx="17">
                  <c:v>107.83799999999999</c:v>
                </c:pt>
                <c:pt idx="18">
                  <c:v>114.753</c:v>
                </c:pt>
                <c:pt idx="19">
                  <c:v>121.619</c:v>
                </c:pt>
                <c:pt idx="20">
                  <c:v>124.38800000000001</c:v>
                </c:pt>
                <c:pt idx="21">
                  <c:v>129.624</c:v>
                </c:pt>
                <c:pt idx="22">
                  <c:v>135.74700000000001</c:v>
                </c:pt>
                <c:pt idx="23">
                  <c:v>140.03100000000001</c:v>
                </c:pt>
                <c:pt idx="24">
                  <c:v>147.75200000000001</c:v>
                </c:pt>
                <c:pt idx="25">
                  <c:v>152.60900000000001</c:v>
                </c:pt>
                <c:pt idx="26">
                  <c:v>160.25899999999999</c:v>
                </c:pt>
                <c:pt idx="27">
                  <c:v>169.49799999999999</c:v>
                </c:pt>
                <c:pt idx="28">
                  <c:v>171.93100000000001</c:v>
                </c:pt>
                <c:pt idx="29">
                  <c:v>176.78800000000001</c:v>
                </c:pt>
                <c:pt idx="30">
                  <c:v>183.61500000000001</c:v>
                </c:pt>
                <c:pt idx="31">
                  <c:v>189.208</c:v>
                </c:pt>
                <c:pt idx="32">
                  <c:v>198.096</c:v>
                </c:pt>
                <c:pt idx="33">
                  <c:v>202.958</c:v>
                </c:pt>
                <c:pt idx="34">
                  <c:v>209.28</c:v>
                </c:pt>
                <c:pt idx="35">
                  <c:v>229.738</c:v>
                </c:pt>
                <c:pt idx="36">
                  <c:v>222.81700000000001</c:v>
                </c:pt>
                <c:pt idx="37">
                  <c:v>229.845</c:v>
                </c:pt>
                <c:pt idx="38">
                  <c:v>239.048</c:v>
                </c:pt>
                <c:pt idx="39">
                  <c:v>245.977</c:v>
                </c:pt>
                <c:pt idx="40">
                  <c:v>251.279</c:v>
                </c:pt>
                <c:pt idx="41">
                  <c:v>259.10300000000001</c:v>
                </c:pt>
                <c:pt idx="42">
                  <c:v>268.726</c:v>
                </c:pt>
                <c:pt idx="43">
                  <c:v>272.49099999999999</c:v>
                </c:pt>
                <c:pt idx="44">
                  <c:v>281.447</c:v>
                </c:pt>
                <c:pt idx="45">
                  <c:v>286.89600000000002</c:v>
                </c:pt>
                <c:pt idx="46">
                  <c:v>294.02100000000002</c:v>
                </c:pt>
                <c:pt idx="47">
                  <c:v>299.39999999999998</c:v>
                </c:pt>
                <c:pt idx="48">
                  <c:v>305.02199999999999</c:v>
                </c:pt>
                <c:pt idx="49">
                  <c:v>308.21899999999999</c:v>
                </c:pt>
                <c:pt idx="50">
                  <c:v>313.83100000000002</c:v>
                </c:pt>
                <c:pt idx="51">
                  <c:v>318.16000000000003</c:v>
                </c:pt>
                <c:pt idx="52">
                  <c:v>326.28699999999998</c:v>
                </c:pt>
                <c:pt idx="53">
                  <c:v>328.88400000000001</c:v>
                </c:pt>
                <c:pt idx="54">
                  <c:v>344.303</c:v>
                </c:pt>
                <c:pt idx="55">
                  <c:v>350.50799999999998</c:v>
                </c:pt>
                <c:pt idx="56">
                  <c:v>365.95400000000001</c:v>
                </c:pt>
                <c:pt idx="57">
                  <c:v>362.37400000000002</c:v>
                </c:pt>
                <c:pt idx="58">
                  <c:v>377.12400000000002</c:v>
                </c:pt>
                <c:pt idx="59">
                  <c:v>366.45499999999998</c:v>
                </c:pt>
                <c:pt idx="60">
                  <c:v>372.98200000000003</c:v>
                </c:pt>
                <c:pt idx="61">
                  <c:v>377.60199999999998</c:v>
                </c:pt>
                <c:pt idx="62">
                  <c:v>384.38099999999997</c:v>
                </c:pt>
                <c:pt idx="63">
                  <c:v>389.79700000000003</c:v>
                </c:pt>
                <c:pt idx="64">
                  <c:v>395.90300000000002</c:v>
                </c:pt>
                <c:pt idx="65">
                  <c:v>400.24900000000002</c:v>
                </c:pt>
                <c:pt idx="66">
                  <c:v>405.005</c:v>
                </c:pt>
                <c:pt idx="67">
                  <c:v>410.27300000000002</c:v>
                </c:pt>
                <c:pt idx="68">
                  <c:v>419.83800000000002</c:v>
                </c:pt>
                <c:pt idx="69">
                  <c:v>438.90499999999997</c:v>
                </c:pt>
                <c:pt idx="70">
                  <c:v>433.75900000000001</c:v>
                </c:pt>
                <c:pt idx="71">
                  <c:v>437.53100000000001</c:v>
                </c:pt>
                <c:pt idx="72">
                  <c:v>444.74400000000003</c:v>
                </c:pt>
                <c:pt idx="73">
                  <c:v>447.01</c:v>
                </c:pt>
                <c:pt idx="74">
                  <c:v>452.67899999999997</c:v>
                </c:pt>
                <c:pt idx="75">
                  <c:v>456.91800000000001</c:v>
                </c:pt>
                <c:pt idx="76">
                  <c:v>463.03199999999998</c:v>
                </c:pt>
                <c:pt idx="77">
                  <c:v>468.37</c:v>
                </c:pt>
                <c:pt idx="78">
                  <c:v>475.404</c:v>
                </c:pt>
                <c:pt idx="79">
                  <c:v>479.41300000000001</c:v>
                </c:pt>
                <c:pt idx="80">
                  <c:v>487.34500000000003</c:v>
                </c:pt>
                <c:pt idx="81">
                  <c:v>533.39499999999998</c:v>
                </c:pt>
                <c:pt idx="82">
                  <c:v>523.577</c:v>
                </c:pt>
                <c:pt idx="83">
                  <c:v>530.976</c:v>
                </c:pt>
                <c:pt idx="84">
                  <c:v>538.39599999999996</c:v>
                </c:pt>
                <c:pt idx="85">
                  <c:v>544.05600000000004</c:v>
                </c:pt>
                <c:pt idx="86">
                  <c:v>553.13900000000001</c:v>
                </c:pt>
                <c:pt idx="87">
                  <c:v>555.97199999999998</c:v>
                </c:pt>
                <c:pt idx="88">
                  <c:v>562.69299999999998</c:v>
                </c:pt>
                <c:pt idx="89">
                  <c:v>566.23099999999999</c:v>
                </c:pt>
                <c:pt idx="90">
                  <c:v>573.64499999999998</c:v>
                </c:pt>
                <c:pt idx="91">
                  <c:v>589.85900000000004</c:v>
                </c:pt>
                <c:pt idx="92">
                  <c:v>598.85400000000004</c:v>
                </c:pt>
                <c:pt idx="93">
                  <c:v>600.68200000000002</c:v>
                </c:pt>
                <c:pt idx="94">
                  <c:v>604.41499999999996</c:v>
                </c:pt>
                <c:pt idx="95">
                  <c:v>609.41099999999994</c:v>
                </c:pt>
                <c:pt idx="96">
                  <c:v>608.23800000000006</c:v>
                </c:pt>
                <c:pt idx="97">
                  <c:v>615.84100000000001</c:v>
                </c:pt>
                <c:pt idx="98">
                  <c:v>626.58900000000006</c:v>
                </c:pt>
                <c:pt idx="99">
                  <c:v>626.25199999999995</c:v>
                </c:pt>
                <c:pt idx="100">
                  <c:v>640.59100000000001</c:v>
                </c:pt>
                <c:pt idx="101">
                  <c:v>649.13599999999997</c:v>
                </c:pt>
                <c:pt idx="102">
                  <c:v>656.57100000000003</c:v>
                </c:pt>
                <c:pt idx="103">
                  <c:v>660.39099999999996</c:v>
                </c:pt>
                <c:pt idx="104">
                  <c:v>663.00599999999997</c:v>
                </c:pt>
                <c:pt idx="105">
                  <c:v>673.58900000000006</c:v>
                </c:pt>
                <c:pt idx="106">
                  <c:v>676.851</c:v>
                </c:pt>
                <c:pt idx="107">
                  <c:v>682.14800000000002</c:v>
                </c:pt>
                <c:pt idx="108">
                  <c:v>689.31500000000005</c:v>
                </c:pt>
                <c:pt idx="109">
                  <c:v>694.08500000000004</c:v>
                </c:pt>
                <c:pt idx="110">
                  <c:v>692.90700000000004</c:v>
                </c:pt>
                <c:pt idx="111">
                  <c:v>706.16</c:v>
                </c:pt>
                <c:pt idx="112">
                  <c:v>714.85799999999995</c:v>
                </c:pt>
                <c:pt idx="113">
                  <c:v>716.05899999999997</c:v>
                </c:pt>
                <c:pt idx="114">
                  <c:v>722.30700000000002</c:v>
                </c:pt>
                <c:pt idx="115">
                  <c:v>731.38400000000001</c:v>
                </c:pt>
                <c:pt idx="116">
                  <c:v>730.07600000000002</c:v>
                </c:pt>
                <c:pt idx="117">
                  <c:v>738.01199999999994</c:v>
                </c:pt>
                <c:pt idx="118">
                  <c:v>742.97</c:v>
                </c:pt>
                <c:pt idx="119">
                  <c:v>745.51900000000001</c:v>
                </c:pt>
                <c:pt idx="120">
                  <c:v>756.43899999999996</c:v>
                </c:pt>
                <c:pt idx="121">
                  <c:v>767.10400000000004</c:v>
                </c:pt>
                <c:pt idx="122">
                  <c:v>769.01199999999994</c:v>
                </c:pt>
                <c:pt idx="123">
                  <c:v>779.39300000000003</c:v>
                </c:pt>
                <c:pt idx="124">
                  <c:v>791.726</c:v>
                </c:pt>
                <c:pt idx="125">
                  <c:v>784.61699999999996</c:v>
                </c:pt>
                <c:pt idx="126">
                  <c:v>795.70299999999997</c:v>
                </c:pt>
                <c:pt idx="127">
                  <c:v>803.34199999999998</c:v>
                </c:pt>
              </c:numCache>
            </c:numRef>
          </c:val>
          <c:smooth val="0"/>
          <c:extLst>
            <c:ext xmlns:c16="http://schemas.microsoft.com/office/drawing/2014/chart" uri="{C3380CC4-5D6E-409C-BE32-E72D297353CC}">
              <c16:uniqueId val="{00000001-442F-436E-BE10-B63B67BC0B94}"/>
            </c:ext>
          </c:extLst>
        </c:ser>
        <c:ser>
          <c:idx val="2"/>
          <c:order val="2"/>
          <c:tx>
            <c:strRef>
              <c:f>test_3_scene2_results!$D$1</c:f>
              <c:strCache>
                <c:ptCount val="1"/>
                <c:pt idx="0">
                  <c:v>3 splits</c:v>
                </c:pt>
              </c:strCache>
            </c:strRef>
          </c:tx>
          <c:spPr>
            <a:ln w="28575" cap="rnd">
              <a:solidFill>
                <a:schemeClr val="accent3"/>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D$2:$D$129</c:f>
              <c:numCache>
                <c:formatCode>General</c:formatCode>
                <c:ptCount val="128"/>
                <c:pt idx="0">
                  <c:v>30.335599999999999</c:v>
                </c:pt>
                <c:pt idx="1">
                  <c:v>30.618300000000001</c:v>
                </c:pt>
                <c:pt idx="2">
                  <c:v>31.2059</c:v>
                </c:pt>
                <c:pt idx="3">
                  <c:v>38.1663</c:v>
                </c:pt>
                <c:pt idx="4">
                  <c:v>42.995899999999999</c:v>
                </c:pt>
                <c:pt idx="5">
                  <c:v>42.254100000000001</c:v>
                </c:pt>
                <c:pt idx="6">
                  <c:v>48.474800000000002</c:v>
                </c:pt>
                <c:pt idx="7">
                  <c:v>51.669600000000003</c:v>
                </c:pt>
                <c:pt idx="8">
                  <c:v>53.546599999999998</c:v>
                </c:pt>
                <c:pt idx="9">
                  <c:v>58.936199999999999</c:v>
                </c:pt>
                <c:pt idx="10">
                  <c:v>64.367699999999999</c:v>
                </c:pt>
                <c:pt idx="11">
                  <c:v>70.061700000000002</c:v>
                </c:pt>
                <c:pt idx="12">
                  <c:v>77.262</c:v>
                </c:pt>
                <c:pt idx="13">
                  <c:v>82.668000000000006</c:v>
                </c:pt>
                <c:pt idx="14">
                  <c:v>86.317300000000003</c:v>
                </c:pt>
                <c:pt idx="15">
                  <c:v>88.484700000000004</c:v>
                </c:pt>
                <c:pt idx="16">
                  <c:v>92.406099999999995</c:v>
                </c:pt>
                <c:pt idx="17">
                  <c:v>95.2774</c:v>
                </c:pt>
                <c:pt idx="18">
                  <c:v>102.041</c:v>
                </c:pt>
                <c:pt idx="19">
                  <c:v>106.53700000000001</c:v>
                </c:pt>
                <c:pt idx="20">
                  <c:v>108.319</c:v>
                </c:pt>
                <c:pt idx="21">
                  <c:v>117.274</c:v>
                </c:pt>
                <c:pt idx="22">
                  <c:v>120.801</c:v>
                </c:pt>
                <c:pt idx="23">
                  <c:v>127.77</c:v>
                </c:pt>
                <c:pt idx="24">
                  <c:v>135.78</c:v>
                </c:pt>
                <c:pt idx="25">
                  <c:v>139.458</c:v>
                </c:pt>
                <c:pt idx="26">
                  <c:v>146.65299999999999</c:v>
                </c:pt>
                <c:pt idx="27">
                  <c:v>151.6</c:v>
                </c:pt>
                <c:pt idx="28">
                  <c:v>155.029</c:v>
                </c:pt>
                <c:pt idx="29">
                  <c:v>158.45500000000001</c:v>
                </c:pt>
                <c:pt idx="30">
                  <c:v>166.208</c:v>
                </c:pt>
                <c:pt idx="31">
                  <c:v>171.15100000000001</c:v>
                </c:pt>
                <c:pt idx="32">
                  <c:v>177.43</c:v>
                </c:pt>
                <c:pt idx="33">
                  <c:v>185.32499999999999</c:v>
                </c:pt>
                <c:pt idx="34">
                  <c:v>196.74299999999999</c:v>
                </c:pt>
                <c:pt idx="35">
                  <c:v>213.28700000000001</c:v>
                </c:pt>
                <c:pt idx="36">
                  <c:v>207.203</c:v>
                </c:pt>
                <c:pt idx="37">
                  <c:v>212.67400000000001</c:v>
                </c:pt>
                <c:pt idx="38">
                  <c:v>220.13499999999999</c:v>
                </c:pt>
                <c:pt idx="39">
                  <c:v>228.96799999999999</c:v>
                </c:pt>
                <c:pt idx="40">
                  <c:v>233.096</c:v>
                </c:pt>
                <c:pt idx="41">
                  <c:v>239.07599999999999</c:v>
                </c:pt>
                <c:pt idx="42">
                  <c:v>245.64</c:v>
                </c:pt>
                <c:pt idx="43">
                  <c:v>252.40700000000001</c:v>
                </c:pt>
                <c:pt idx="44">
                  <c:v>256.71300000000002</c:v>
                </c:pt>
                <c:pt idx="45">
                  <c:v>267.529</c:v>
                </c:pt>
                <c:pt idx="46">
                  <c:v>271.154</c:v>
                </c:pt>
                <c:pt idx="47">
                  <c:v>275.11700000000002</c:v>
                </c:pt>
                <c:pt idx="48">
                  <c:v>282.74400000000003</c:v>
                </c:pt>
                <c:pt idx="49">
                  <c:v>287.22399999999999</c:v>
                </c:pt>
                <c:pt idx="50">
                  <c:v>291.08199999999999</c:v>
                </c:pt>
                <c:pt idx="51">
                  <c:v>296.61500000000001</c:v>
                </c:pt>
                <c:pt idx="52">
                  <c:v>302.63099999999997</c:v>
                </c:pt>
                <c:pt idx="53">
                  <c:v>308.65199999999999</c:v>
                </c:pt>
                <c:pt idx="54">
                  <c:v>317.65199999999999</c:v>
                </c:pt>
                <c:pt idx="55">
                  <c:v>329.79300000000001</c:v>
                </c:pt>
                <c:pt idx="56">
                  <c:v>337.678</c:v>
                </c:pt>
                <c:pt idx="57">
                  <c:v>338.85700000000003</c:v>
                </c:pt>
                <c:pt idx="58">
                  <c:v>337.14</c:v>
                </c:pt>
                <c:pt idx="59">
                  <c:v>342.52100000000002</c:v>
                </c:pt>
                <c:pt idx="60">
                  <c:v>349.02199999999999</c:v>
                </c:pt>
                <c:pt idx="61">
                  <c:v>351.50099999999998</c:v>
                </c:pt>
                <c:pt idx="62">
                  <c:v>359.40699999999998</c:v>
                </c:pt>
                <c:pt idx="63">
                  <c:v>363.488</c:v>
                </c:pt>
                <c:pt idx="64">
                  <c:v>368.28699999999998</c:v>
                </c:pt>
                <c:pt idx="65">
                  <c:v>374.8</c:v>
                </c:pt>
                <c:pt idx="66">
                  <c:v>381.12299999999999</c:v>
                </c:pt>
                <c:pt idx="67">
                  <c:v>384.27300000000002</c:v>
                </c:pt>
                <c:pt idx="68">
                  <c:v>388.92899999999997</c:v>
                </c:pt>
                <c:pt idx="69">
                  <c:v>393.55799999999999</c:v>
                </c:pt>
                <c:pt idx="70">
                  <c:v>400.65</c:v>
                </c:pt>
                <c:pt idx="71">
                  <c:v>402.33</c:v>
                </c:pt>
                <c:pt idx="72">
                  <c:v>409.57</c:v>
                </c:pt>
                <c:pt idx="73">
                  <c:v>412.32100000000003</c:v>
                </c:pt>
                <c:pt idx="74">
                  <c:v>420.827</c:v>
                </c:pt>
                <c:pt idx="75">
                  <c:v>426.43099999999998</c:v>
                </c:pt>
                <c:pt idx="76">
                  <c:v>434.56400000000002</c:v>
                </c:pt>
                <c:pt idx="77">
                  <c:v>441.59800000000001</c:v>
                </c:pt>
                <c:pt idx="78">
                  <c:v>445.57600000000002</c:v>
                </c:pt>
                <c:pt idx="79">
                  <c:v>448.73700000000002</c:v>
                </c:pt>
                <c:pt idx="80">
                  <c:v>452.226</c:v>
                </c:pt>
                <c:pt idx="81">
                  <c:v>492.05799999999999</c:v>
                </c:pt>
                <c:pt idx="82">
                  <c:v>484.084</c:v>
                </c:pt>
                <c:pt idx="83">
                  <c:v>489.78800000000001</c:v>
                </c:pt>
                <c:pt idx="84">
                  <c:v>499.74299999999999</c:v>
                </c:pt>
                <c:pt idx="85">
                  <c:v>504.50400000000002</c:v>
                </c:pt>
                <c:pt idx="86">
                  <c:v>506.786</c:v>
                </c:pt>
                <c:pt idx="87">
                  <c:v>515.57899999999995</c:v>
                </c:pt>
                <c:pt idx="88">
                  <c:v>519.42600000000004</c:v>
                </c:pt>
                <c:pt idx="89">
                  <c:v>524.47400000000005</c:v>
                </c:pt>
                <c:pt idx="90">
                  <c:v>532.35500000000002</c:v>
                </c:pt>
                <c:pt idx="91">
                  <c:v>553.27099999999996</c:v>
                </c:pt>
                <c:pt idx="92">
                  <c:v>556.91899999999998</c:v>
                </c:pt>
                <c:pt idx="93">
                  <c:v>569.97400000000005</c:v>
                </c:pt>
                <c:pt idx="94">
                  <c:v>561.03300000000002</c:v>
                </c:pt>
                <c:pt idx="95">
                  <c:v>566.68299999999999</c:v>
                </c:pt>
                <c:pt idx="96">
                  <c:v>570.17899999999997</c:v>
                </c:pt>
                <c:pt idx="97">
                  <c:v>573.62800000000004</c:v>
                </c:pt>
                <c:pt idx="98">
                  <c:v>582.91399999999999</c:v>
                </c:pt>
                <c:pt idx="99">
                  <c:v>585.90899999999999</c:v>
                </c:pt>
                <c:pt idx="100">
                  <c:v>595.82299999999998</c:v>
                </c:pt>
                <c:pt idx="101">
                  <c:v>604.83199999999999</c:v>
                </c:pt>
                <c:pt idx="102">
                  <c:v>611.39</c:v>
                </c:pt>
                <c:pt idx="103">
                  <c:v>616.46500000000003</c:v>
                </c:pt>
                <c:pt idx="104">
                  <c:v>622.11500000000001</c:v>
                </c:pt>
                <c:pt idx="105">
                  <c:v>627.14300000000003</c:v>
                </c:pt>
                <c:pt idx="106">
                  <c:v>637.67399999999998</c:v>
                </c:pt>
                <c:pt idx="107">
                  <c:v>638.50300000000004</c:v>
                </c:pt>
                <c:pt idx="108">
                  <c:v>645.44000000000005</c:v>
                </c:pt>
                <c:pt idx="109">
                  <c:v>650.95000000000005</c:v>
                </c:pt>
                <c:pt idx="110">
                  <c:v>651.06299999999999</c:v>
                </c:pt>
                <c:pt idx="111">
                  <c:v>663.70299999999997</c:v>
                </c:pt>
                <c:pt idx="112">
                  <c:v>670.70699999999999</c:v>
                </c:pt>
                <c:pt idx="113">
                  <c:v>671.62800000000004</c:v>
                </c:pt>
                <c:pt idx="114">
                  <c:v>680.96699999999998</c:v>
                </c:pt>
                <c:pt idx="115">
                  <c:v>689.55700000000002</c:v>
                </c:pt>
                <c:pt idx="116">
                  <c:v>689.06299999999999</c:v>
                </c:pt>
                <c:pt idx="117">
                  <c:v>701.96299999999997</c:v>
                </c:pt>
                <c:pt idx="118">
                  <c:v>698.15499999999997</c:v>
                </c:pt>
                <c:pt idx="119">
                  <c:v>705.05799999999999</c:v>
                </c:pt>
                <c:pt idx="120">
                  <c:v>711.09100000000001</c:v>
                </c:pt>
                <c:pt idx="121">
                  <c:v>718.34799999999996</c:v>
                </c:pt>
                <c:pt idx="122">
                  <c:v>727.98599999999999</c:v>
                </c:pt>
                <c:pt idx="123">
                  <c:v>729.01</c:v>
                </c:pt>
                <c:pt idx="124">
                  <c:v>737.95799999999997</c:v>
                </c:pt>
                <c:pt idx="125">
                  <c:v>706.52700000000004</c:v>
                </c:pt>
                <c:pt idx="126">
                  <c:v>743.596</c:v>
                </c:pt>
                <c:pt idx="127">
                  <c:v>749.35900000000004</c:v>
                </c:pt>
              </c:numCache>
            </c:numRef>
          </c:val>
          <c:smooth val="0"/>
          <c:extLst>
            <c:ext xmlns:c16="http://schemas.microsoft.com/office/drawing/2014/chart" uri="{C3380CC4-5D6E-409C-BE32-E72D297353CC}">
              <c16:uniqueId val="{00000002-442F-436E-BE10-B63B67BC0B94}"/>
            </c:ext>
          </c:extLst>
        </c:ser>
        <c:ser>
          <c:idx val="3"/>
          <c:order val="3"/>
          <c:tx>
            <c:strRef>
              <c:f>test_3_scene2_results!$E$1</c:f>
              <c:strCache>
                <c:ptCount val="1"/>
                <c:pt idx="0">
                  <c:v>4 splits</c:v>
                </c:pt>
              </c:strCache>
            </c:strRef>
          </c:tx>
          <c:spPr>
            <a:ln w="28575" cap="rnd">
              <a:solidFill>
                <a:schemeClr val="accent4"/>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E$2:$E$129</c:f>
              <c:numCache>
                <c:formatCode>General</c:formatCode>
                <c:ptCount val="128"/>
                <c:pt idx="0">
                  <c:v>31.890499999999999</c:v>
                </c:pt>
                <c:pt idx="1">
                  <c:v>31.2819</c:v>
                </c:pt>
                <c:pt idx="2">
                  <c:v>29.9374</c:v>
                </c:pt>
                <c:pt idx="3">
                  <c:v>30.327400000000001</c:v>
                </c:pt>
                <c:pt idx="4">
                  <c:v>39.151699999999998</c:v>
                </c:pt>
                <c:pt idx="5">
                  <c:v>41.143500000000003</c:v>
                </c:pt>
                <c:pt idx="6">
                  <c:v>44.998399999999997</c:v>
                </c:pt>
                <c:pt idx="7">
                  <c:v>48.4011</c:v>
                </c:pt>
                <c:pt idx="8">
                  <c:v>55.2727</c:v>
                </c:pt>
                <c:pt idx="9">
                  <c:v>57.545900000000003</c:v>
                </c:pt>
                <c:pt idx="10">
                  <c:v>59.306100000000001</c:v>
                </c:pt>
                <c:pt idx="11">
                  <c:v>61.793399999999998</c:v>
                </c:pt>
                <c:pt idx="12">
                  <c:v>69.214600000000004</c:v>
                </c:pt>
                <c:pt idx="13">
                  <c:v>72.528400000000005</c:v>
                </c:pt>
                <c:pt idx="14">
                  <c:v>77.3249</c:v>
                </c:pt>
                <c:pt idx="15">
                  <c:v>80.441599999999994</c:v>
                </c:pt>
                <c:pt idx="16">
                  <c:v>86.7149</c:v>
                </c:pt>
                <c:pt idx="17">
                  <c:v>90.171400000000006</c:v>
                </c:pt>
                <c:pt idx="18">
                  <c:v>92.627300000000005</c:v>
                </c:pt>
                <c:pt idx="19">
                  <c:v>94.560599999999994</c:v>
                </c:pt>
                <c:pt idx="20">
                  <c:v>98.320300000000003</c:v>
                </c:pt>
                <c:pt idx="21">
                  <c:v>102.85299999999999</c:v>
                </c:pt>
                <c:pt idx="22">
                  <c:v>108.196</c:v>
                </c:pt>
                <c:pt idx="23">
                  <c:v>112.85899999999999</c:v>
                </c:pt>
                <c:pt idx="24">
                  <c:v>120.026</c:v>
                </c:pt>
                <c:pt idx="25">
                  <c:v>125.82299999999999</c:v>
                </c:pt>
                <c:pt idx="26">
                  <c:v>129.86500000000001</c:v>
                </c:pt>
                <c:pt idx="27">
                  <c:v>135.03700000000001</c:v>
                </c:pt>
                <c:pt idx="28">
                  <c:v>142.947</c:v>
                </c:pt>
                <c:pt idx="29">
                  <c:v>149.964</c:v>
                </c:pt>
                <c:pt idx="30">
                  <c:v>156.44300000000001</c:v>
                </c:pt>
                <c:pt idx="31">
                  <c:v>162.76900000000001</c:v>
                </c:pt>
                <c:pt idx="32">
                  <c:v>171.029</c:v>
                </c:pt>
                <c:pt idx="33">
                  <c:v>176.846</c:v>
                </c:pt>
                <c:pt idx="34">
                  <c:v>182.309</c:v>
                </c:pt>
                <c:pt idx="35">
                  <c:v>195.41</c:v>
                </c:pt>
                <c:pt idx="36">
                  <c:v>190.55199999999999</c:v>
                </c:pt>
                <c:pt idx="37">
                  <c:v>194.57900000000001</c:v>
                </c:pt>
                <c:pt idx="38">
                  <c:v>200.11</c:v>
                </c:pt>
                <c:pt idx="39">
                  <c:v>204.864</c:v>
                </c:pt>
                <c:pt idx="40">
                  <c:v>210.239</c:v>
                </c:pt>
                <c:pt idx="41">
                  <c:v>217.857</c:v>
                </c:pt>
                <c:pt idx="42">
                  <c:v>222.965</c:v>
                </c:pt>
                <c:pt idx="43">
                  <c:v>231.22800000000001</c:v>
                </c:pt>
                <c:pt idx="44">
                  <c:v>250.399</c:v>
                </c:pt>
                <c:pt idx="45">
                  <c:v>245.66</c:v>
                </c:pt>
                <c:pt idx="46">
                  <c:v>255.102</c:v>
                </c:pt>
                <c:pt idx="47">
                  <c:v>257.58600000000001</c:v>
                </c:pt>
                <c:pt idx="48">
                  <c:v>265.74400000000003</c:v>
                </c:pt>
                <c:pt idx="49">
                  <c:v>266.81599999999997</c:v>
                </c:pt>
                <c:pt idx="50">
                  <c:v>270.57499999999999</c:v>
                </c:pt>
                <c:pt idx="51">
                  <c:v>271.99</c:v>
                </c:pt>
                <c:pt idx="52">
                  <c:v>278.96300000000002</c:v>
                </c:pt>
                <c:pt idx="53">
                  <c:v>282.47000000000003</c:v>
                </c:pt>
                <c:pt idx="54">
                  <c:v>294.60899999999998</c:v>
                </c:pt>
                <c:pt idx="55">
                  <c:v>301.70299999999997</c:v>
                </c:pt>
                <c:pt idx="56">
                  <c:v>311.69600000000003</c:v>
                </c:pt>
                <c:pt idx="57">
                  <c:v>317.87799999999999</c:v>
                </c:pt>
                <c:pt idx="58">
                  <c:v>306.81099999999998</c:v>
                </c:pt>
                <c:pt idx="59">
                  <c:v>312.846</c:v>
                </c:pt>
                <c:pt idx="60">
                  <c:v>314.50400000000002</c:v>
                </c:pt>
                <c:pt idx="61">
                  <c:v>321.18599999999998</c:v>
                </c:pt>
                <c:pt idx="62">
                  <c:v>325.988</c:v>
                </c:pt>
                <c:pt idx="63">
                  <c:v>327.23200000000003</c:v>
                </c:pt>
                <c:pt idx="64">
                  <c:v>332.65100000000001</c:v>
                </c:pt>
                <c:pt idx="65">
                  <c:v>337.79300000000001</c:v>
                </c:pt>
                <c:pt idx="66">
                  <c:v>342.66800000000001</c:v>
                </c:pt>
                <c:pt idx="67">
                  <c:v>347.197</c:v>
                </c:pt>
                <c:pt idx="68">
                  <c:v>353.37400000000002</c:v>
                </c:pt>
                <c:pt idx="69">
                  <c:v>359.42599999999999</c:v>
                </c:pt>
                <c:pt idx="70">
                  <c:v>365.98700000000002</c:v>
                </c:pt>
                <c:pt idx="71">
                  <c:v>372.82499999999999</c:v>
                </c:pt>
                <c:pt idx="72">
                  <c:v>382.88499999999999</c:v>
                </c:pt>
                <c:pt idx="73">
                  <c:v>389.09</c:v>
                </c:pt>
                <c:pt idx="74">
                  <c:v>395.26299999999998</c:v>
                </c:pt>
                <c:pt idx="75">
                  <c:v>397.47399999999999</c:v>
                </c:pt>
                <c:pt idx="76">
                  <c:v>410.32</c:v>
                </c:pt>
                <c:pt idx="77">
                  <c:v>414.16199999999998</c:v>
                </c:pt>
                <c:pt idx="78">
                  <c:v>421.59800000000001</c:v>
                </c:pt>
                <c:pt idx="79">
                  <c:v>428.84100000000001</c:v>
                </c:pt>
                <c:pt idx="80">
                  <c:v>436.505</c:v>
                </c:pt>
                <c:pt idx="81">
                  <c:v>464.11099999999999</c:v>
                </c:pt>
                <c:pt idx="82">
                  <c:v>463.73899999999998</c:v>
                </c:pt>
                <c:pt idx="83">
                  <c:v>472.38299999999998</c:v>
                </c:pt>
                <c:pt idx="84">
                  <c:v>481.411</c:v>
                </c:pt>
                <c:pt idx="85">
                  <c:v>485.78800000000001</c:v>
                </c:pt>
                <c:pt idx="86">
                  <c:v>487.58800000000002</c:v>
                </c:pt>
                <c:pt idx="87">
                  <c:v>494.79899999999998</c:v>
                </c:pt>
                <c:pt idx="88">
                  <c:v>500.11700000000002</c:v>
                </c:pt>
                <c:pt idx="89">
                  <c:v>505.62200000000001</c:v>
                </c:pt>
                <c:pt idx="90">
                  <c:v>507.298</c:v>
                </c:pt>
                <c:pt idx="91">
                  <c:v>512.25199999999995</c:v>
                </c:pt>
                <c:pt idx="92">
                  <c:v>521.01900000000001</c:v>
                </c:pt>
                <c:pt idx="93">
                  <c:v>539.98599999999999</c:v>
                </c:pt>
                <c:pt idx="94">
                  <c:v>528.83600000000001</c:v>
                </c:pt>
                <c:pt idx="95">
                  <c:v>532.81600000000003</c:v>
                </c:pt>
                <c:pt idx="96">
                  <c:v>538.25699999999995</c:v>
                </c:pt>
                <c:pt idx="97">
                  <c:v>539.83900000000006</c:v>
                </c:pt>
                <c:pt idx="98">
                  <c:v>552.94500000000005</c:v>
                </c:pt>
                <c:pt idx="99">
                  <c:v>551.00400000000002</c:v>
                </c:pt>
                <c:pt idx="100">
                  <c:v>560.17100000000005</c:v>
                </c:pt>
                <c:pt idx="101">
                  <c:v>564.20799999999997</c:v>
                </c:pt>
                <c:pt idx="102">
                  <c:v>568.74599999999998</c:v>
                </c:pt>
                <c:pt idx="103">
                  <c:v>583.51199999999994</c:v>
                </c:pt>
                <c:pt idx="104">
                  <c:v>582.67399999999998</c:v>
                </c:pt>
                <c:pt idx="105">
                  <c:v>578.24599999999998</c:v>
                </c:pt>
                <c:pt idx="106">
                  <c:v>596.99699999999996</c:v>
                </c:pt>
                <c:pt idx="107">
                  <c:v>593.48400000000004</c:v>
                </c:pt>
                <c:pt idx="108">
                  <c:v>599.71699999999998</c:v>
                </c:pt>
                <c:pt idx="109">
                  <c:v>601.55100000000004</c:v>
                </c:pt>
                <c:pt idx="110">
                  <c:v>609.33900000000006</c:v>
                </c:pt>
                <c:pt idx="111">
                  <c:v>617.38900000000001</c:v>
                </c:pt>
                <c:pt idx="112">
                  <c:v>625.56500000000005</c:v>
                </c:pt>
                <c:pt idx="113">
                  <c:v>630.68600000000004</c:v>
                </c:pt>
                <c:pt idx="114">
                  <c:v>636.53200000000004</c:v>
                </c:pt>
                <c:pt idx="115">
                  <c:v>633.53700000000003</c:v>
                </c:pt>
                <c:pt idx="116">
                  <c:v>646.96500000000003</c:v>
                </c:pt>
                <c:pt idx="117">
                  <c:v>651.35900000000004</c:v>
                </c:pt>
                <c:pt idx="118">
                  <c:v>647.048</c:v>
                </c:pt>
                <c:pt idx="119">
                  <c:v>661.06399999999996</c:v>
                </c:pt>
                <c:pt idx="120">
                  <c:v>659.596</c:v>
                </c:pt>
                <c:pt idx="121">
                  <c:v>672.07899999999995</c:v>
                </c:pt>
                <c:pt idx="122">
                  <c:v>675.351</c:v>
                </c:pt>
                <c:pt idx="123">
                  <c:v>679.43600000000004</c:v>
                </c:pt>
                <c:pt idx="124">
                  <c:v>688.22500000000002</c:v>
                </c:pt>
                <c:pt idx="125">
                  <c:v>664.47900000000004</c:v>
                </c:pt>
                <c:pt idx="126">
                  <c:v>695.23500000000001</c:v>
                </c:pt>
                <c:pt idx="127">
                  <c:v>702.13499999999999</c:v>
                </c:pt>
              </c:numCache>
            </c:numRef>
          </c:val>
          <c:smooth val="0"/>
          <c:extLst>
            <c:ext xmlns:c16="http://schemas.microsoft.com/office/drawing/2014/chart" uri="{C3380CC4-5D6E-409C-BE32-E72D297353CC}">
              <c16:uniqueId val="{00000003-442F-436E-BE10-B63B67BC0B94}"/>
            </c:ext>
          </c:extLst>
        </c:ser>
        <c:ser>
          <c:idx val="4"/>
          <c:order val="4"/>
          <c:tx>
            <c:strRef>
              <c:f>test_3_scene2_results!$F$1</c:f>
              <c:strCache>
                <c:ptCount val="1"/>
                <c:pt idx="0">
                  <c:v>5 splits</c:v>
                </c:pt>
              </c:strCache>
            </c:strRef>
          </c:tx>
          <c:spPr>
            <a:ln w="28575" cap="rnd">
              <a:solidFill>
                <a:schemeClr val="accent5"/>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F$2:$F$129</c:f>
              <c:numCache>
                <c:formatCode>General</c:formatCode>
                <c:ptCount val="128"/>
                <c:pt idx="0">
                  <c:v>30.388999999999999</c:v>
                </c:pt>
                <c:pt idx="1">
                  <c:v>30.737200000000001</c:v>
                </c:pt>
                <c:pt idx="2">
                  <c:v>30.856300000000001</c:v>
                </c:pt>
                <c:pt idx="3">
                  <c:v>30.43</c:v>
                </c:pt>
                <c:pt idx="4">
                  <c:v>32.655299999999997</c:v>
                </c:pt>
                <c:pt idx="5">
                  <c:v>38.196199999999997</c:v>
                </c:pt>
                <c:pt idx="6">
                  <c:v>40.215600000000002</c:v>
                </c:pt>
                <c:pt idx="7">
                  <c:v>44.718000000000004</c:v>
                </c:pt>
                <c:pt idx="8">
                  <c:v>45.9407</c:v>
                </c:pt>
                <c:pt idx="9">
                  <c:v>48.979900000000001</c:v>
                </c:pt>
                <c:pt idx="10">
                  <c:v>56.195599999999999</c:v>
                </c:pt>
                <c:pt idx="11">
                  <c:v>60.845199999999998</c:v>
                </c:pt>
                <c:pt idx="12">
                  <c:v>64.697599999999994</c:v>
                </c:pt>
                <c:pt idx="13">
                  <c:v>68.545599999999993</c:v>
                </c:pt>
                <c:pt idx="14">
                  <c:v>68.6511</c:v>
                </c:pt>
                <c:pt idx="15">
                  <c:v>69.702600000000004</c:v>
                </c:pt>
                <c:pt idx="16">
                  <c:v>73.435699999999997</c:v>
                </c:pt>
                <c:pt idx="17">
                  <c:v>77.19</c:v>
                </c:pt>
                <c:pt idx="18">
                  <c:v>81.140299999999996</c:v>
                </c:pt>
                <c:pt idx="19">
                  <c:v>85.140799999999999</c:v>
                </c:pt>
                <c:pt idx="20">
                  <c:v>94.1143</c:v>
                </c:pt>
                <c:pt idx="21">
                  <c:v>97.0017</c:v>
                </c:pt>
                <c:pt idx="22">
                  <c:v>101.69199999999999</c:v>
                </c:pt>
                <c:pt idx="23">
                  <c:v>103.065</c:v>
                </c:pt>
                <c:pt idx="24">
                  <c:v>109.54600000000001</c:v>
                </c:pt>
                <c:pt idx="25">
                  <c:v>112.098</c:v>
                </c:pt>
                <c:pt idx="26">
                  <c:v>119.446</c:v>
                </c:pt>
                <c:pt idx="27">
                  <c:v>124.238</c:v>
                </c:pt>
                <c:pt idx="28">
                  <c:v>131.35900000000001</c:v>
                </c:pt>
                <c:pt idx="29">
                  <c:v>136.74</c:v>
                </c:pt>
                <c:pt idx="30">
                  <c:v>146.101</c:v>
                </c:pt>
                <c:pt idx="31">
                  <c:v>152.62</c:v>
                </c:pt>
                <c:pt idx="32">
                  <c:v>160.33199999999999</c:v>
                </c:pt>
                <c:pt idx="33">
                  <c:v>164.08500000000001</c:v>
                </c:pt>
                <c:pt idx="34">
                  <c:v>169.64599999999999</c:v>
                </c:pt>
                <c:pt idx="35">
                  <c:v>191.37700000000001</c:v>
                </c:pt>
                <c:pt idx="36">
                  <c:v>182.63800000000001</c:v>
                </c:pt>
                <c:pt idx="37">
                  <c:v>188.702</c:v>
                </c:pt>
                <c:pt idx="38">
                  <c:v>193.55500000000001</c:v>
                </c:pt>
                <c:pt idx="39">
                  <c:v>199.00200000000001</c:v>
                </c:pt>
                <c:pt idx="40">
                  <c:v>206.29599999999999</c:v>
                </c:pt>
                <c:pt idx="41">
                  <c:v>207.03</c:v>
                </c:pt>
                <c:pt idx="42">
                  <c:v>212.57599999999999</c:v>
                </c:pt>
                <c:pt idx="43">
                  <c:v>212.48</c:v>
                </c:pt>
                <c:pt idx="44">
                  <c:v>241.18899999999999</c:v>
                </c:pt>
                <c:pt idx="45">
                  <c:v>220.80500000000001</c:v>
                </c:pt>
                <c:pt idx="46">
                  <c:v>224.83099999999999</c:v>
                </c:pt>
                <c:pt idx="47">
                  <c:v>230.07</c:v>
                </c:pt>
                <c:pt idx="48">
                  <c:v>236.34100000000001</c:v>
                </c:pt>
                <c:pt idx="49">
                  <c:v>245.53800000000001</c:v>
                </c:pt>
                <c:pt idx="50">
                  <c:v>253.072</c:v>
                </c:pt>
                <c:pt idx="51">
                  <c:v>261.16000000000003</c:v>
                </c:pt>
                <c:pt idx="52">
                  <c:v>267.923</c:v>
                </c:pt>
                <c:pt idx="53">
                  <c:v>273.10399999999998</c:v>
                </c:pt>
                <c:pt idx="54">
                  <c:v>296.113</c:v>
                </c:pt>
                <c:pt idx="55">
                  <c:v>304.09699999999998</c:v>
                </c:pt>
                <c:pt idx="56">
                  <c:v>304.61900000000003</c:v>
                </c:pt>
                <c:pt idx="57">
                  <c:v>311.82299999999998</c:v>
                </c:pt>
                <c:pt idx="58">
                  <c:v>303.41199999999998</c:v>
                </c:pt>
                <c:pt idx="59">
                  <c:v>304.12400000000002</c:v>
                </c:pt>
                <c:pt idx="60">
                  <c:v>311.71100000000001</c:v>
                </c:pt>
                <c:pt idx="61">
                  <c:v>315.32900000000001</c:v>
                </c:pt>
                <c:pt idx="62">
                  <c:v>317.53899999999999</c:v>
                </c:pt>
                <c:pt idx="63">
                  <c:v>323.19499999999999</c:v>
                </c:pt>
                <c:pt idx="64">
                  <c:v>327.18900000000002</c:v>
                </c:pt>
                <c:pt idx="65">
                  <c:v>335.47500000000002</c:v>
                </c:pt>
                <c:pt idx="66">
                  <c:v>336.99299999999999</c:v>
                </c:pt>
                <c:pt idx="67">
                  <c:v>343.476</c:v>
                </c:pt>
                <c:pt idx="68">
                  <c:v>346.625</c:v>
                </c:pt>
                <c:pt idx="69">
                  <c:v>352.59399999999999</c:v>
                </c:pt>
                <c:pt idx="70">
                  <c:v>355.24799999999999</c:v>
                </c:pt>
                <c:pt idx="71">
                  <c:v>360.78100000000001</c:v>
                </c:pt>
                <c:pt idx="72">
                  <c:v>370.79599999999999</c:v>
                </c:pt>
                <c:pt idx="73">
                  <c:v>367.89299999999997</c:v>
                </c:pt>
                <c:pt idx="74">
                  <c:v>374.24599999999998</c:v>
                </c:pt>
                <c:pt idx="75">
                  <c:v>384.99700000000001</c:v>
                </c:pt>
                <c:pt idx="76">
                  <c:v>385.07100000000003</c:v>
                </c:pt>
                <c:pt idx="77">
                  <c:v>392.41300000000001</c:v>
                </c:pt>
                <c:pt idx="78">
                  <c:v>398.77600000000001</c:v>
                </c:pt>
                <c:pt idx="79">
                  <c:v>403.06</c:v>
                </c:pt>
                <c:pt idx="80">
                  <c:v>406.89499999999998</c:v>
                </c:pt>
                <c:pt idx="81">
                  <c:v>435.95600000000002</c:v>
                </c:pt>
                <c:pt idx="82">
                  <c:v>448.60599999999999</c:v>
                </c:pt>
                <c:pt idx="83">
                  <c:v>443.875</c:v>
                </c:pt>
                <c:pt idx="84">
                  <c:v>452.11900000000003</c:v>
                </c:pt>
                <c:pt idx="85">
                  <c:v>460.29700000000003</c:v>
                </c:pt>
                <c:pt idx="86">
                  <c:v>464.63200000000001</c:v>
                </c:pt>
                <c:pt idx="87">
                  <c:v>470.70800000000003</c:v>
                </c:pt>
                <c:pt idx="88">
                  <c:v>476.80599999999998</c:v>
                </c:pt>
                <c:pt idx="89">
                  <c:v>483.33</c:v>
                </c:pt>
                <c:pt idx="90">
                  <c:v>487.39100000000002</c:v>
                </c:pt>
                <c:pt idx="91">
                  <c:v>498.09699999999998</c:v>
                </c:pt>
                <c:pt idx="92">
                  <c:v>505.43200000000002</c:v>
                </c:pt>
                <c:pt idx="93">
                  <c:v>509.82900000000001</c:v>
                </c:pt>
                <c:pt idx="94">
                  <c:v>510.97899999999998</c:v>
                </c:pt>
                <c:pt idx="95">
                  <c:v>510.52499999999998</c:v>
                </c:pt>
                <c:pt idx="96">
                  <c:v>521.47199999999998</c:v>
                </c:pt>
                <c:pt idx="97">
                  <c:v>524.48900000000003</c:v>
                </c:pt>
                <c:pt idx="98">
                  <c:v>533.52</c:v>
                </c:pt>
                <c:pt idx="99">
                  <c:v>536.95600000000002</c:v>
                </c:pt>
                <c:pt idx="100">
                  <c:v>545.40099999999995</c:v>
                </c:pt>
                <c:pt idx="101">
                  <c:v>554.49199999999996</c:v>
                </c:pt>
                <c:pt idx="102">
                  <c:v>560.95500000000004</c:v>
                </c:pt>
                <c:pt idx="103">
                  <c:v>564.56299999999999</c:v>
                </c:pt>
                <c:pt idx="104">
                  <c:v>576.16800000000001</c:v>
                </c:pt>
                <c:pt idx="105">
                  <c:v>579.91499999999996</c:v>
                </c:pt>
                <c:pt idx="106">
                  <c:v>591.49699999999996</c:v>
                </c:pt>
                <c:pt idx="107">
                  <c:v>592.17700000000002</c:v>
                </c:pt>
                <c:pt idx="108">
                  <c:v>592.28499999999997</c:v>
                </c:pt>
                <c:pt idx="109">
                  <c:v>595.06799999999998</c:v>
                </c:pt>
                <c:pt idx="110">
                  <c:v>611.72799999999995</c:v>
                </c:pt>
                <c:pt idx="111">
                  <c:v>618.29899999999998</c:v>
                </c:pt>
                <c:pt idx="112">
                  <c:v>621.23500000000001</c:v>
                </c:pt>
                <c:pt idx="113">
                  <c:v>626.57799999999997</c:v>
                </c:pt>
                <c:pt idx="114">
                  <c:v>634.05100000000004</c:v>
                </c:pt>
                <c:pt idx="115">
                  <c:v>636.01400000000001</c:v>
                </c:pt>
                <c:pt idx="116">
                  <c:v>650.43499999999995</c:v>
                </c:pt>
                <c:pt idx="117">
                  <c:v>646.48900000000003</c:v>
                </c:pt>
                <c:pt idx="118">
                  <c:v>656.26800000000003</c:v>
                </c:pt>
                <c:pt idx="119">
                  <c:v>660.80100000000004</c:v>
                </c:pt>
                <c:pt idx="120">
                  <c:v>662.69200000000001</c:v>
                </c:pt>
                <c:pt idx="121">
                  <c:v>670.21900000000005</c:v>
                </c:pt>
                <c:pt idx="122">
                  <c:v>677.80200000000002</c:v>
                </c:pt>
                <c:pt idx="123">
                  <c:v>685.68200000000002</c:v>
                </c:pt>
                <c:pt idx="124">
                  <c:v>682.89599999999996</c:v>
                </c:pt>
                <c:pt idx="125">
                  <c:v>663.226</c:v>
                </c:pt>
                <c:pt idx="126">
                  <c:v>686.28099999999995</c:v>
                </c:pt>
                <c:pt idx="127">
                  <c:v>697.40899999999999</c:v>
                </c:pt>
              </c:numCache>
            </c:numRef>
          </c:val>
          <c:smooth val="0"/>
          <c:extLst>
            <c:ext xmlns:c16="http://schemas.microsoft.com/office/drawing/2014/chart" uri="{C3380CC4-5D6E-409C-BE32-E72D297353CC}">
              <c16:uniqueId val="{00000004-442F-436E-BE10-B63B67BC0B94}"/>
            </c:ext>
          </c:extLst>
        </c:ser>
        <c:ser>
          <c:idx val="5"/>
          <c:order val="5"/>
          <c:tx>
            <c:strRef>
              <c:f>test_3_scene2_results!$G$1</c:f>
              <c:strCache>
                <c:ptCount val="1"/>
                <c:pt idx="0">
                  <c:v>6 splits</c:v>
                </c:pt>
              </c:strCache>
            </c:strRef>
          </c:tx>
          <c:spPr>
            <a:ln w="28575" cap="rnd">
              <a:solidFill>
                <a:schemeClr val="accent6"/>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G$2:$G$129</c:f>
              <c:numCache>
                <c:formatCode>General</c:formatCode>
                <c:ptCount val="128"/>
                <c:pt idx="0">
                  <c:v>30.5167</c:v>
                </c:pt>
                <c:pt idx="1">
                  <c:v>30.674800000000001</c:v>
                </c:pt>
                <c:pt idx="2">
                  <c:v>32.080800000000004</c:v>
                </c:pt>
                <c:pt idx="3">
                  <c:v>30.979399999999998</c:v>
                </c:pt>
                <c:pt idx="4">
                  <c:v>32.5398</c:v>
                </c:pt>
                <c:pt idx="5">
                  <c:v>33.003700000000002</c:v>
                </c:pt>
                <c:pt idx="6">
                  <c:v>38.049799999999998</c:v>
                </c:pt>
                <c:pt idx="7">
                  <c:v>41.088000000000001</c:v>
                </c:pt>
                <c:pt idx="8">
                  <c:v>43.752699999999997</c:v>
                </c:pt>
                <c:pt idx="9">
                  <c:v>47.090499999999999</c:v>
                </c:pt>
                <c:pt idx="10">
                  <c:v>49.479799999999997</c:v>
                </c:pt>
                <c:pt idx="11">
                  <c:v>53.538200000000003</c:v>
                </c:pt>
                <c:pt idx="12">
                  <c:v>62.718600000000002</c:v>
                </c:pt>
                <c:pt idx="13">
                  <c:v>64.460599999999999</c:v>
                </c:pt>
                <c:pt idx="14">
                  <c:v>70.459900000000005</c:v>
                </c:pt>
                <c:pt idx="15">
                  <c:v>69.882099999999994</c:v>
                </c:pt>
                <c:pt idx="16">
                  <c:v>72.929199999999994</c:v>
                </c:pt>
                <c:pt idx="17">
                  <c:v>74.951999999999998</c:v>
                </c:pt>
                <c:pt idx="18">
                  <c:v>79.156000000000006</c:v>
                </c:pt>
                <c:pt idx="19">
                  <c:v>82.727500000000006</c:v>
                </c:pt>
                <c:pt idx="20">
                  <c:v>86.7166</c:v>
                </c:pt>
                <c:pt idx="21">
                  <c:v>90.968500000000006</c:v>
                </c:pt>
                <c:pt idx="22">
                  <c:v>96.936999999999998</c:v>
                </c:pt>
                <c:pt idx="23">
                  <c:v>101.572</c:v>
                </c:pt>
                <c:pt idx="24">
                  <c:v>113.253</c:v>
                </c:pt>
                <c:pt idx="25">
                  <c:v>115.575</c:v>
                </c:pt>
                <c:pt idx="26">
                  <c:v>120.431</c:v>
                </c:pt>
                <c:pt idx="27">
                  <c:v>122.696</c:v>
                </c:pt>
                <c:pt idx="28">
                  <c:v>125.878</c:v>
                </c:pt>
                <c:pt idx="29">
                  <c:v>130.542</c:v>
                </c:pt>
                <c:pt idx="30">
                  <c:v>137.75399999999999</c:v>
                </c:pt>
                <c:pt idx="31">
                  <c:v>143.79300000000001</c:v>
                </c:pt>
                <c:pt idx="32">
                  <c:v>150.262</c:v>
                </c:pt>
                <c:pt idx="33">
                  <c:v>157.77099999999999</c:v>
                </c:pt>
                <c:pt idx="34">
                  <c:v>162.44300000000001</c:v>
                </c:pt>
                <c:pt idx="35">
                  <c:v>181.74600000000001</c:v>
                </c:pt>
                <c:pt idx="36">
                  <c:v>178.791</c:v>
                </c:pt>
                <c:pt idx="37">
                  <c:v>184.51499999999999</c:v>
                </c:pt>
                <c:pt idx="38">
                  <c:v>192.15299999999999</c:v>
                </c:pt>
                <c:pt idx="39">
                  <c:v>196.37</c:v>
                </c:pt>
                <c:pt idx="40">
                  <c:v>199.273</c:v>
                </c:pt>
                <c:pt idx="41">
                  <c:v>204.38</c:v>
                </c:pt>
                <c:pt idx="42">
                  <c:v>209.79400000000001</c:v>
                </c:pt>
                <c:pt idx="43">
                  <c:v>214.905</c:v>
                </c:pt>
                <c:pt idx="44">
                  <c:v>235.96600000000001</c:v>
                </c:pt>
                <c:pt idx="45">
                  <c:v>219.54499999999999</c:v>
                </c:pt>
                <c:pt idx="46">
                  <c:v>224.63399999999999</c:v>
                </c:pt>
                <c:pt idx="47">
                  <c:v>228.70400000000001</c:v>
                </c:pt>
                <c:pt idx="48">
                  <c:v>236.64</c:v>
                </c:pt>
                <c:pt idx="49">
                  <c:v>242.32599999999999</c:v>
                </c:pt>
                <c:pt idx="50">
                  <c:v>244.77099999999999</c:v>
                </c:pt>
                <c:pt idx="51">
                  <c:v>247.40700000000001</c:v>
                </c:pt>
                <c:pt idx="52">
                  <c:v>255.32599999999999</c:v>
                </c:pt>
                <c:pt idx="53">
                  <c:v>260.20999999999998</c:v>
                </c:pt>
                <c:pt idx="54">
                  <c:v>286.93700000000001</c:v>
                </c:pt>
                <c:pt idx="55">
                  <c:v>291.13400000000001</c:v>
                </c:pt>
                <c:pt idx="56">
                  <c:v>298.09899999999999</c:v>
                </c:pt>
                <c:pt idx="57">
                  <c:v>303.89</c:v>
                </c:pt>
                <c:pt idx="58">
                  <c:v>298.53100000000001</c:v>
                </c:pt>
                <c:pt idx="59">
                  <c:v>304.625</c:v>
                </c:pt>
                <c:pt idx="60">
                  <c:v>309.464</c:v>
                </c:pt>
                <c:pt idx="61">
                  <c:v>314.73599999999999</c:v>
                </c:pt>
                <c:pt idx="62">
                  <c:v>319.18599999999998</c:v>
                </c:pt>
                <c:pt idx="63">
                  <c:v>325.58100000000002</c:v>
                </c:pt>
                <c:pt idx="64">
                  <c:v>327.60899999999998</c:v>
                </c:pt>
                <c:pt idx="65">
                  <c:v>331.065</c:v>
                </c:pt>
                <c:pt idx="66">
                  <c:v>335.91</c:v>
                </c:pt>
                <c:pt idx="67">
                  <c:v>342.613</c:v>
                </c:pt>
                <c:pt idx="68">
                  <c:v>344.83</c:v>
                </c:pt>
                <c:pt idx="69">
                  <c:v>351.66300000000001</c:v>
                </c:pt>
                <c:pt idx="70">
                  <c:v>353.86900000000003</c:v>
                </c:pt>
                <c:pt idx="71">
                  <c:v>357.78199999999998</c:v>
                </c:pt>
                <c:pt idx="72">
                  <c:v>362.85199999999998</c:v>
                </c:pt>
                <c:pt idx="73">
                  <c:v>369.298</c:v>
                </c:pt>
                <c:pt idx="74">
                  <c:v>374.33699999999999</c:v>
                </c:pt>
                <c:pt idx="75">
                  <c:v>379.95800000000003</c:v>
                </c:pt>
                <c:pt idx="76">
                  <c:v>387.16699999999997</c:v>
                </c:pt>
                <c:pt idx="77">
                  <c:v>391.63499999999999</c:v>
                </c:pt>
                <c:pt idx="78">
                  <c:v>399.303</c:v>
                </c:pt>
                <c:pt idx="79">
                  <c:v>404.78300000000002</c:v>
                </c:pt>
                <c:pt idx="80">
                  <c:v>409.93700000000001</c:v>
                </c:pt>
                <c:pt idx="81">
                  <c:v>432.57</c:v>
                </c:pt>
                <c:pt idx="82">
                  <c:v>442.18099999999998</c:v>
                </c:pt>
                <c:pt idx="83">
                  <c:v>443.75</c:v>
                </c:pt>
                <c:pt idx="84">
                  <c:v>453.96100000000001</c:v>
                </c:pt>
                <c:pt idx="85">
                  <c:v>451.86399999999998</c:v>
                </c:pt>
                <c:pt idx="86">
                  <c:v>460.37400000000002</c:v>
                </c:pt>
                <c:pt idx="87">
                  <c:v>462.24400000000003</c:v>
                </c:pt>
                <c:pt idx="88">
                  <c:v>468.13200000000001</c:v>
                </c:pt>
                <c:pt idx="89">
                  <c:v>469.57100000000003</c:v>
                </c:pt>
                <c:pt idx="90">
                  <c:v>474.83600000000001</c:v>
                </c:pt>
                <c:pt idx="91">
                  <c:v>490.28199999999998</c:v>
                </c:pt>
                <c:pt idx="92">
                  <c:v>502.83100000000002</c:v>
                </c:pt>
                <c:pt idx="93">
                  <c:v>492.68099999999998</c:v>
                </c:pt>
                <c:pt idx="94">
                  <c:v>503.37799999999999</c:v>
                </c:pt>
                <c:pt idx="95">
                  <c:v>504.92</c:v>
                </c:pt>
                <c:pt idx="96">
                  <c:v>507.82499999999999</c:v>
                </c:pt>
                <c:pt idx="97">
                  <c:v>519.75800000000004</c:v>
                </c:pt>
                <c:pt idx="98">
                  <c:v>523.77099999999996</c:v>
                </c:pt>
                <c:pt idx="99">
                  <c:v>524.67499999999995</c:v>
                </c:pt>
                <c:pt idx="100">
                  <c:v>532.54600000000005</c:v>
                </c:pt>
                <c:pt idx="101">
                  <c:v>538.923</c:v>
                </c:pt>
                <c:pt idx="102">
                  <c:v>541.08299999999997</c:v>
                </c:pt>
                <c:pt idx="103">
                  <c:v>545.81200000000001</c:v>
                </c:pt>
                <c:pt idx="104">
                  <c:v>553.00800000000004</c:v>
                </c:pt>
                <c:pt idx="105">
                  <c:v>557.45600000000002</c:v>
                </c:pt>
                <c:pt idx="106">
                  <c:v>567.65099999999995</c:v>
                </c:pt>
                <c:pt idx="107">
                  <c:v>561.86400000000003</c:v>
                </c:pt>
                <c:pt idx="108">
                  <c:v>567.928</c:v>
                </c:pt>
                <c:pt idx="109">
                  <c:v>574.101</c:v>
                </c:pt>
                <c:pt idx="110">
                  <c:v>580.60400000000004</c:v>
                </c:pt>
                <c:pt idx="111">
                  <c:v>586.26800000000003</c:v>
                </c:pt>
                <c:pt idx="112">
                  <c:v>587.66499999999996</c:v>
                </c:pt>
                <c:pt idx="113">
                  <c:v>591.38099999999997</c:v>
                </c:pt>
                <c:pt idx="114">
                  <c:v>593.63</c:v>
                </c:pt>
                <c:pt idx="115">
                  <c:v>600.29300000000001</c:v>
                </c:pt>
                <c:pt idx="116">
                  <c:v>620.92100000000005</c:v>
                </c:pt>
                <c:pt idx="117">
                  <c:v>617.60299999999995</c:v>
                </c:pt>
                <c:pt idx="118">
                  <c:v>626.25400000000002</c:v>
                </c:pt>
                <c:pt idx="119">
                  <c:v>632.18100000000004</c:v>
                </c:pt>
                <c:pt idx="120">
                  <c:v>632.79899999999998</c:v>
                </c:pt>
                <c:pt idx="121">
                  <c:v>649.52499999999998</c:v>
                </c:pt>
                <c:pt idx="122">
                  <c:v>649.11199999999997</c:v>
                </c:pt>
                <c:pt idx="123">
                  <c:v>647.22400000000005</c:v>
                </c:pt>
                <c:pt idx="124">
                  <c:v>662.43799999999999</c:v>
                </c:pt>
                <c:pt idx="125">
                  <c:v>637.76499999999999</c:v>
                </c:pt>
                <c:pt idx="126">
                  <c:v>662.37599999999998</c:v>
                </c:pt>
                <c:pt idx="127">
                  <c:v>672.93200000000002</c:v>
                </c:pt>
              </c:numCache>
            </c:numRef>
          </c:val>
          <c:smooth val="0"/>
          <c:extLst>
            <c:ext xmlns:c16="http://schemas.microsoft.com/office/drawing/2014/chart" uri="{C3380CC4-5D6E-409C-BE32-E72D297353CC}">
              <c16:uniqueId val="{00000005-442F-436E-BE10-B63B67BC0B94}"/>
            </c:ext>
          </c:extLst>
        </c:ser>
        <c:dLbls>
          <c:showLegendKey val="0"/>
          <c:showVal val="0"/>
          <c:showCatName val="0"/>
          <c:showSerName val="0"/>
          <c:showPercent val="0"/>
          <c:showBubbleSize val="0"/>
        </c:dLbls>
        <c:smooth val="0"/>
        <c:axId val="37692096"/>
        <c:axId val="37703616"/>
      </c:lineChart>
      <c:catAx>
        <c:axId val="3769209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703616"/>
        <c:crosses val="autoZero"/>
        <c:auto val="1"/>
        <c:lblAlgn val="ctr"/>
        <c:lblOffset val="100"/>
        <c:noMultiLvlLbl val="0"/>
      </c:catAx>
      <c:valAx>
        <c:axId val="377036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6920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Ambient</a:t>
            </a:r>
            <a:r>
              <a:rPr lang="en-GB" baseline="0" dirty="0"/>
              <a:t> occlusion on scene 1</a:t>
            </a:r>
            <a:endParaRPr lang="en-GB" dirty="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3_scene1_results!$B$1</c:f>
              <c:strCache>
                <c:ptCount val="1"/>
                <c:pt idx="0">
                  <c:v>1 splits</c:v>
                </c:pt>
              </c:strCache>
            </c:strRef>
          </c:tx>
          <c:spPr>
            <a:ln w="28575" cap="rnd">
              <a:solidFill>
                <a:schemeClr val="accent1"/>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B$2:$B$129</c:f>
              <c:numCache>
                <c:formatCode>General</c:formatCode>
                <c:ptCount val="128"/>
                <c:pt idx="0">
                  <c:v>28.95</c:v>
                </c:pt>
                <c:pt idx="1">
                  <c:v>31.395700000000001</c:v>
                </c:pt>
                <c:pt idx="2">
                  <c:v>34.7012</c:v>
                </c:pt>
                <c:pt idx="3">
                  <c:v>38.137599999999999</c:v>
                </c:pt>
                <c:pt idx="4">
                  <c:v>40.353900000000003</c:v>
                </c:pt>
                <c:pt idx="5">
                  <c:v>43.611400000000003</c:v>
                </c:pt>
                <c:pt idx="6">
                  <c:v>47.730400000000003</c:v>
                </c:pt>
                <c:pt idx="7">
                  <c:v>49.527999999999999</c:v>
                </c:pt>
                <c:pt idx="8">
                  <c:v>55.552100000000003</c:v>
                </c:pt>
                <c:pt idx="9">
                  <c:v>59.454099999999997</c:v>
                </c:pt>
                <c:pt idx="10">
                  <c:v>59.800400000000003</c:v>
                </c:pt>
                <c:pt idx="11">
                  <c:v>64.137699999999995</c:v>
                </c:pt>
                <c:pt idx="12">
                  <c:v>66.975700000000003</c:v>
                </c:pt>
                <c:pt idx="13">
                  <c:v>70.045000000000002</c:v>
                </c:pt>
                <c:pt idx="14">
                  <c:v>73.9833</c:v>
                </c:pt>
                <c:pt idx="15">
                  <c:v>77.289299999999997</c:v>
                </c:pt>
                <c:pt idx="16">
                  <c:v>81.025000000000006</c:v>
                </c:pt>
                <c:pt idx="17">
                  <c:v>83.641199999999998</c:v>
                </c:pt>
                <c:pt idx="18">
                  <c:v>87.287499999999994</c:v>
                </c:pt>
                <c:pt idx="19">
                  <c:v>91.240499999999997</c:v>
                </c:pt>
                <c:pt idx="20">
                  <c:v>96.409899999999993</c:v>
                </c:pt>
                <c:pt idx="21">
                  <c:v>97.024799999999999</c:v>
                </c:pt>
                <c:pt idx="22">
                  <c:v>100.60599999999999</c:v>
                </c:pt>
                <c:pt idx="23">
                  <c:v>105.503</c:v>
                </c:pt>
                <c:pt idx="24">
                  <c:v>108.76</c:v>
                </c:pt>
                <c:pt idx="25">
                  <c:v>110.997</c:v>
                </c:pt>
                <c:pt idx="26">
                  <c:v>116.568</c:v>
                </c:pt>
                <c:pt idx="27">
                  <c:v>119.271</c:v>
                </c:pt>
                <c:pt idx="28">
                  <c:v>121.01300000000001</c:v>
                </c:pt>
                <c:pt idx="29">
                  <c:v>125.304</c:v>
                </c:pt>
                <c:pt idx="30">
                  <c:v>128.446</c:v>
                </c:pt>
                <c:pt idx="31">
                  <c:v>131.505</c:v>
                </c:pt>
                <c:pt idx="32">
                  <c:v>135.13999999999999</c:v>
                </c:pt>
                <c:pt idx="33">
                  <c:v>139.72999999999999</c:v>
                </c:pt>
                <c:pt idx="34">
                  <c:v>142.44399999999999</c:v>
                </c:pt>
                <c:pt idx="35">
                  <c:v>148.553</c:v>
                </c:pt>
                <c:pt idx="36">
                  <c:v>148.60599999999999</c:v>
                </c:pt>
                <c:pt idx="37">
                  <c:v>152.726</c:v>
                </c:pt>
                <c:pt idx="38">
                  <c:v>155.16900000000001</c:v>
                </c:pt>
                <c:pt idx="39">
                  <c:v>159.33799999999999</c:v>
                </c:pt>
                <c:pt idx="40">
                  <c:v>162.15600000000001</c:v>
                </c:pt>
                <c:pt idx="41">
                  <c:v>166.47200000000001</c:v>
                </c:pt>
                <c:pt idx="42">
                  <c:v>166.62100000000001</c:v>
                </c:pt>
                <c:pt idx="43">
                  <c:v>171.375</c:v>
                </c:pt>
                <c:pt idx="44">
                  <c:v>174.61600000000001</c:v>
                </c:pt>
                <c:pt idx="45">
                  <c:v>180.62299999999999</c:v>
                </c:pt>
                <c:pt idx="46">
                  <c:v>181.79</c:v>
                </c:pt>
                <c:pt idx="47">
                  <c:v>187.62799999999999</c:v>
                </c:pt>
                <c:pt idx="48">
                  <c:v>189.21600000000001</c:v>
                </c:pt>
                <c:pt idx="49">
                  <c:v>195.02199999999999</c:v>
                </c:pt>
                <c:pt idx="50">
                  <c:v>195.30500000000001</c:v>
                </c:pt>
                <c:pt idx="51">
                  <c:v>202.18799999999999</c:v>
                </c:pt>
                <c:pt idx="52">
                  <c:v>205.102</c:v>
                </c:pt>
                <c:pt idx="53">
                  <c:v>204.339</c:v>
                </c:pt>
                <c:pt idx="54">
                  <c:v>209.77699999999999</c:v>
                </c:pt>
                <c:pt idx="55">
                  <c:v>214.09200000000001</c:v>
                </c:pt>
                <c:pt idx="56">
                  <c:v>217.846</c:v>
                </c:pt>
                <c:pt idx="57">
                  <c:v>218.405</c:v>
                </c:pt>
                <c:pt idx="58">
                  <c:v>227.06200000000001</c:v>
                </c:pt>
                <c:pt idx="59">
                  <c:v>227.65600000000001</c:v>
                </c:pt>
                <c:pt idx="60">
                  <c:v>223.53800000000001</c:v>
                </c:pt>
                <c:pt idx="61">
                  <c:v>226.15700000000001</c:v>
                </c:pt>
                <c:pt idx="62">
                  <c:v>229.85900000000001</c:v>
                </c:pt>
                <c:pt idx="63">
                  <c:v>235.14099999999999</c:v>
                </c:pt>
                <c:pt idx="64">
                  <c:v>233.934</c:v>
                </c:pt>
                <c:pt idx="65">
                  <c:v>238.822</c:v>
                </c:pt>
                <c:pt idx="66">
                  <c:v>244.453</c:v>
                </c:pt>
                <c:pt idx="67">
                  <c:v>251.63399999999999</c:v>
                </c:pt>
                <c:pt idx="68">
                  <c:v>252.83099999999999</c:v>
                </c:pt>
                <c:pt idx="69">
                  <c:v>251.43899999999999</c:v>
                </c:pt>
                <c:pt idx="70">
                  <c:v>253.577</c:v>
                </c:pt>
                <c:pt idx="71">
                  <c:v>259.62099999999998</c:v>
                </c:pt>
                <c:pt idx="72">
                  <c:v>266.839</c:v>
                </c:pt>
                <c:pt idx="73">
                  <c:v>271.99700000000001</c:v>
                </c:pt>
                <c:pt idx="74">
                  <c:v>273.84500000000003</c:v>
                </c:pt>
                <c:pt idx="75">
                  <c:v>284.80500000000001</c:v>
                </c:pt>
                <c:pt idx="76">
                  <c:v>283.13900000000001</c:v>
                </c:pt>
                <c:pt idx="77">
                  <c:v>285.90899999999999</c:v>
                </c:pt>
                <c:pt idx="78">
                  <c:v>290.80799999999999</c:v>
                </c:pt>
                <c:pt idx="79">
                  <c:v>291.60500000000002</c:v>
                </c:pt>
                <c:pt idx="80">
                  <c:v>289.298</c:v>
                </c:pt>
                <c:pt idx="81">
                  <c:v>292.62099999999998</c:v>
                </c:pt>
                <c:pt idx="82">
                  <c:v>303.82100000000003</c:v>
                </c:pt>
                <c:pt idx="83">
                  <c:v>306.77</c:v>
                </c:pt>
                <c:pt idx="84">
                  <c:v>315.96499999999997</c:v>
                </c:pt>
                <c:pt idx="85">
                  <c:v>307.654</c:v>
                </c:pt>
                <c:pt idx="86">
                  <c:v>317.73700000000002</c:v>
                </c:pt>
                <c:pt idx="87">
                  <c:v>313.72300000000001</c:v>
                </c:pt>
                <c:pt idx="88">
                  <c:v>317.13200000000001</c:v>
                </c:pt>
                <c:pt idx="89">
                  <c:v>321.226</c:v>
                </c:pt>
                <c:pt idx="90">
                  <c:v>325.97300000000001</c:v>
                </c:pt>
                <c:pt idx="91">
                  <c:v>328.71300000000002</c:v>
                </c:pt>
                <c:pt idx="92">
                  <c:v>334.80799999999999</c:v>
                </c:pt>
                <c:pt idx="93">
                  <c:v>333.63299999999998</c:v>
                </c:pt>
                <c:pt idx="94">
                  <c:v>331.20100000000002</c:v>
                </c:pt>
                <c:pt idx="95">
                  <c:v>338.62</c:v>
                </c:pt>
                <c:pt idx="96">
                  <c:v>347.21600000000001</c:v>
                </c:pt>
                <c:pt idx="97">
                  <c:v>343.61700000000002</c:v>
                </c:pt>
                <c:pt idx="98">
                  <c:v>348.41300000000001</c:v>
                </c:pt>
                <c:pt idx="99">
                  <c:v>351.43900000000002</c:v>
                </c:pt>
                <c:pt idx="100">
                  <c:v>350.13600000000002</c:v>
                </c:pt>
                <c:pt idx="101">
                  <c:v>358.16399999999999</c:v>
                </c:pt>
                <c:pt idx="102">
                  <c:v>371.721</c:v>
                </c:pt>
                <c:pt idx="103">
                  <c:v>375.59699999999998</c:v>
                </c:pt>
                <c:pt idx="104">
                  <c:v>373.01100000000002</c:v>
                </c:pt>
                <c:pt idx="105">
                  <c:v>372.077</c:v>
                </c:pt>
                <c:pt idx="106">
                  <c:v>375.83600000000001</c:v>
                </c:pt>
                <c:pt idx="107">
                  <c:v>378.971</c:v>
                </c:pt>
                <c:pt idx="108">
                  <c:v>381.815</c:v>
                </c:pt>
                <c:pt idx="109">
                  <c:v>388.70600000000002</c:v>
                </c:pt>
                <c:pt idx="110">
                  <c:v>388.82299999999998</c:v>
                </c:pt>
                <c:pt idx="111">
                  <c:v>390.904</c:v>
                </c:pt>
                <c:pt idx="112">
                  <c:v>395.61900000000003</c:v>
                </c:pt>
                <c:pt idx="113">
                  <c:v>407.88600000000002</c:v>
                </c:pt>
                <c:pt idx="114">
                  <c:v>404.51299999999998</c:v>
                </c:pt>
                <c:pt idx="115">
                  <c:v>410.21899999999999</c:v>
                </c:pt>
                <c:pt idx="116">
                  <c:v>414.05900000000003</c:v>
                </c:pt>
                <c:pt idx="117">
                  <c:v>414.43</c:v>
                </c:pt>
                <c:pt idx="118">
                  <c:v>422.435</c:v>
                </c:pt>
                <c:pt idx="119">
                  <c:v>424.42700000000002</c:v>
                </c:pt>
                <c:pt idx="120">
                  <c:v>421.90100000000001</c:v>
                </c:pt>
                <c:pt idx="121">
                  <c:v>429.55700000000002</c:v>
                </c:pt>
                <c:pt idx="122">
                  <c:v>438.18900000000002</c:v>
                </c:pt>
                <c:pt idx="123">
                  <c:v>436.27499999999998</c:v>
                </c:pt>
                <c:pt idx="124">
                  <c:v>432.54</c:v>
                </c:pt>
                <c:pt idx="125">
                  <c:v>438.88600000000002</c:v>
                </c:pt>
                <c:pt idx="126">
                  <c:v>444.84199999999998</c:v>
                </c:pt>
                <c:pt idx="127">
                  <c:v>452.11599999999999</c:v>
                </c:pt>
              </c:numCache>
            </c:numRef>
          </c:val>
          <c:smooth val="0"/>
          <c:extLst>
            <c:ext xmlns:c16="http://schemas.microsoft.com/office/drawing/2014/chart" uri="{C3380CC4-5D6E-409C-BE32-E72D297353CC}">
              <c16:uniqueId val="{00000000-B4B0-4DD5-8CBD-EBDBD655B357}"/>
            </c:ext>
          </c:extLst>
        </c:ser>
        <c:ser>
          <c:idx val="1"/>
          <c:order val="1"/>
          <c:tx>
            <c:strRef>
              <c:f>test_3_scene1_results!$C$1</c:f>
              <c:strCache>
                <c:ptCount val="1"/>
                <c:pt idx="0">
                  <c:v>2 splits</c:v>
                </c:pt>
              </c:strCache>
            </c:strRef>
          </c:tx>
          <c:spPr>
            <a:ln w="28575" cap="rnd">
              <a:solidFill>
                <a:schemeClr val="accent2"/>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C$2:$C$129</c:f>
              <c:numCache>
                <c:formatCode>General</c:formatCode>
                <c:ptCount val="128"/>
                <c:pt idx="0">
                  <c:v>29.819199999999999</c:v>
                </c:pt>
                <c:pt idx="1">
                  <c:v>27.480899999999998</c:v>
                </c:pt>
                <c:pt idx="2">
                  <c:v>32.353999999999999</c:v>
                </c:pt>
                <c:pt idx="3">
                  <c:v>31.340499999999999</c:v>
                </c:pt>
                <c:pt idx="4">
                  <c:v>34.140500000000003</c:v>
                </c:pt>
                <c:pt idx="5">
                  <c:v>34.648499999999999</c:v>
                </c:pt>
                <c:pt idx="6">
                  <c:v>38.487699999999997</c:v>
                </c:pt>
                <c:pt idx="7">
                  <c:v>38.611199999999997</c:v>
                </c:pt>
                <c:pt idx="8">
                  <c:v>41.760399999999997</c:v>
                </c:pt>
                <c:pt idx="9">
                  <c:v>42.400199999999998</c:v>
                </c:pt>
                <c:pt idx="10">
                  <c:v>46.271700000000003</c:v>
                </c:pt>
                <c:pt idx="11">
                  <c:v>46.106900000000003</c:v>
                </c:pt>
                <c:pt idx="12">
                  <c:v>49.073099999999997</c:v>
                </c:pt>
                <c:pt idx="13">
                  <c:v>49.816200000000002</c:v>
                </c:pt>
                <c:pt idx="14">
                  <c:v>53.610900000000001</c:v>
                </c:pt>
                <c:pt idx="15">
                  <c:v>53.362299999999998</c:v>
                </c:pt>
                <c:pt idx="16">
                  <c:v>56.741500000000002</c:v>
                </c:pt>
                <c:pt idx="17">
                  <c:v>58.884599999999999</c:v>
                </c:pt>
                <c:pt idx="18">
                  <c:v>61.047499999999999</c:v>
                </c:pt>
                <c:pt idx="19">
                  <c:v>62.555900000000001</c:v>
                </c:pt>
                <c:pt idx="20">
                  <c:v>65.241600000000005</c:v>
                </c:pt>
                <c:pt idx="21">
                  <c:v>65.834900000000005</c:v>
                </c:pt>
                <c:pt idx="22">
                  <c:v>68.963300000000004</c:v>
                </c:pt>
                <c:pt idx="23">
                  <c:v>69.698099999999997</c:v>
                </c:pt>
                <c:pt idx="24">
                  <c:v>72.409000000000006</c:v>
                </c:pt>
                <c:pt idx="25">
                  <c:v>74.271299999999997</c:v>
                </c:pt>
                <c:pt idx="26">
                  <c:v>76.225399999999993</c:v>
                </c:pt>
                <c:pt idx="27">
                  <c:v>78.109300000000005</c:v>
                </c:pt>
                <c:pt idx="28">
                  <c:v>81.185000000000002</c:v>
                </c:pt>
                <c:pt idx="29">
                  <c:v>82.366399999999999</c:v>
                </c:pt>
                <c:pt idx="30">
                  <c:v>84.7166</c:v>
                </c:pt>
                <c:pt idx="31">
                  <c:v>86.534700000000001</c:v>
                </c:pt>
                <c:pt idx="32">
                  <c:v>89.884299999999996</c:v>
                </c:pt>
                <c:pt idx="33">
                  <c:v>89.468500000000006</c:v>
                </c:pt>
                <c:pt idx="34">
                  <c:v>92.554500000000004</c:v>
                </c:pt>
                <c:pt idx="35">
                  <c:v>91.941699999999997</c:v>
                </c:pt>
                <c:pt idx="36">
                  <c:v>97.502099999999999</c:v>
                </c:pt>
                <c:pt idx="37">
                  <c:v>97.518000000000001</c:v>
                </c:pt>
                <c:pt idx="38">
                  <c:v>101.044</c:v>
                </c:pt>
                <c:pt idx="39">
                  <c:v>100.11</c:v>
                </c:pt>
                <c:pt idx="40">
                  <c:v>104.663</c:v>
                </c:pt>
                <c:pt idx="41">
                  <c:v>105.045</c:v>
                </c:pt>
                <c:pt idx="42">
                  <c:v>108.84699999999999</c:v>
                </c:pt>
                <c:pt idx="43">
                  <c:v>110.304</c:v>
                </c:pt>
                <c:pt idx="44">
                  <c:v>114.27200000000001</c:v>
                </c:pt>
                <c:pt idx="45">
                  <c:v>113.11799999999999</c:v>
                </c:pt>
                <c:pt idx="46">
                  <c:v>118.53</c:v>
                </c:pt>
                <c:pt idx="47">
                  <c:v>115.955</c:v>
                </c:pt>
                <c:pt idx="48">
                  <c:v>120.794</c:v>
                </c:pt>
                <c:pt idx="49">
                  <c:v>120.496</c:v>
                </c:pt>
                <c:pt idx="50">
                  <c:v>124.193</c:v>
                </c:pt>
                <c:pt idx="51">
                  <c:v>126.002</c:v>
                </c:pt>
                <c:pt idx="52">
                  <c:v>130.03200000000001</c:v>
                </c:pt>
                <c:pt idx="53">
                  <c:v>127.762</c:v>
                </c:pt>
                <c:pt idx="54">
                  <c:v>133.24700000000001</c:v>
                </c:pt>
                <c:pt idx="55">
                  <c:v>132.34899999999999</c:v>
                </c:pt>
                <c:pt idx="56">
                  <c:v>135.79</c:v>
                </c:pt>
                <c:pt idx="57">
                  <c:v>136.63</c:v>
                </c:pt>
                <c:pt idx="58">
                  <c:v>141.45400000000001</c:v>
                </c:pt>
                <c:pt idx="59">
                  <c:v>138.834</c:v>
                </c:pt>
                <c:pt idx="60">
                  <c:v>141.11099999999999</c:v>
                </c:pt>
                <c:pt idx="61">
                  <c:v>139.72200000000001</c:v>
                </c:pt>
                <c:pt idx="62">
                  <c:v>142.869</c:v>
                </c:pt>
                <c:pt idx="63">
                  <c:v>142.96</c:v>
                </c:pt>
                <c:pt idx="64">
                  <c:v>146.39500000000001</c:v>
                </c:pt>
                <c:pt idx="65">
                  <c:v>147.42099999999999</c:v>
                </c:pt>
                <c:pt idx="66">
                  <c:v>156.87100000000001</c:v>
                </c:pt>
                <c:pt idx="67">
                  <c:v>154.81899999999999</c:v>
                </c:pt>
                <c:pt idx="68">
                  <c:v>159.61799999999999</c:v>
                </c:pt>
                <c:pt idx="69">
                  <c:v>160.97900000000001</c:v>
                </c:pt>
                <c:pt idx="70">
                  <c:v>159.749</c:v>
                </c:pt>
                <c:pt idx="71">
                  <c:v>159.54</c:v>
                </c:pt>
                <c:pt idx="72">
                  <c:v>166.227</c:v>
                </c:pt>
                <c:pt idx="73">
                  <c:v>171.02099999999999</c:v>
                </c:pt>
                <c:pt idx="74">
                  <c:v>169.83</c:v>
                </c:pt>
                <c:pt idx="75">
                  <c:v>171.66499999999999</c:v>
                </c:pt>
                <c:pt idx="76">
                  <c:v>175.357</c:v>
                </c:pt>
                <c:pt idx="77">
                  <c:v>177.13300000000001</c:v>
                </c:pt>
                <c:pt idx="78">
                  <c:v>179.447</c:v>
                </c:pt>
                <c:pt idx="79">
                  <c:v>181.65299999999999</c:v>
                </c:pt>
                <c:pt idx="80">
                  <c:v>180.41499999999999</c:v>
                </c:pt>
                <c:pt idx="81">
                  <c:v>179.55500000000001</c:v>
                </c:pt>
                <c:pt idx="82">
                  <c:v>193.92400000000001</c:v>
                </c:pt>
                <c:pt idx="83">
                  <c:v>189.494</c:v>
                </c:pt>
                <c:pt idx="84">
                  <c:v>191.25800000000001</c:v>
                </c:pt>
                <c:pt idx="85">
                  <c:v>189.23599999999999</c:v>
                </c:pt>
                <c:pt idx="86">
                  <c:v>192.476</c:v>
                </c:pt>
                <c:pt idx="87">
                  <c:v>193.85300000000001</c:v>
                </c:pt>
                <c:pt idx="88">
                  <c:v>193.10300000000001</c:v>
                </c:pt>
                <c:pt idx="89">
                  <c:v>198.12200000000001</c:v>
                </c:pt>
                <c:pt idx="90">
                  <c:v>203.82300000000001</c:v>
                </c:pt>
                <c:pt idx="91">
                  <c:v>200.28200000000001</c:v>
                </c:pt>
                <c:pt idx="92">
                  <c:v>205.642</c:v>
                </c:pt>
                <c:pt idx="93">
                  <c:v>204.863</c:v>
                </c:pt>
                <c:pt idx="94">
                  <c:v>206.30099999999999</c:v>
                </c:pt>
                <c:pt idx="95">
                  <c:v>204.22499999999999</c:v>
                </c:pt>
                <c:pt idx="96">
                  <c:v>209.64400000000001</c:v>
                </c:pt>
                <c:pt idx="97">
                  <c:v>209.89699999999999</c:v>
                </c:pt>
                <c:pt idx="98">
                  <c:v>210.352</c:v>
                </c:pt>
                <c:pt idx="99">
                  <c:v>216.02600000000001</c:v>
                </c:pt>
                <c:pt idx="100">
                  <c:v>216.239</c:v>
                </c:pt>
                <c:pt idx="101">
                  <c:v>220.714</c:v>
                </c:pt>
                <c:pt idx="102">
                  <c:v>221.68600000000001</c:v>
                </c:pt>
                <c:pt idx="103">
                  <c:v>221.49199999999999</c:v>
                </c:pt>
                <c:pt idx="104">
                  <c:v>225.441</c:v>
                </c:pt>
                <c:pt idx="105">
                  <c:v>230.739</c:v>
                </c:pt>
                <c:pt idx="106">
                  <c:v>231.155</c:v>
                </c:pt>
                <c:pt idx="107">
                  <c:v>230.68600000000001</c:v>
                </c:pt>
                <c:pt idx="108">
                  <c:v>230.488</c:v>
                </c:pt>
                <c:pt idx="109">
                  <c:v>236.506</c:v>
                </c:pt>
                <c:pt idx="110">
                  <c:v>235.57900000000001</c:v>
                </c:pt>
                <c:pt idx="111">
                  <c:v>238.59899999999999</c:v>
                </c:pt>
                <c:pt idx="112">
                  <c:v>246.774</c:v>
                </c:pt>
                <c:pt idx="113">
                  <c:v>242.37899999999999</c:v>
                </c:pt>
                <c:pt idx="114">
                  <c:v>249.98</c:v>
                </c:pt>
                <c:pt idx="115">
                  <c:v>246.40600000000001</c:v>
                </c:pt>
                <c:pt idx="116">
                  <c:v>257.72399999999999</c:v>
                </c:pt>
                <c:pt idx="117">
                  <c:v>252.018</c:v>
                </c:pt>
                <c:pt idx="118">
                  <c:v>254.727</c:v>
                </c:pt>
                <c:pt idx="119">
                  <c:v>250.803</c:v>
                </c:pt>
                <c:pt idx="120">
                  <c:v>258.51900000000001</c:v>
                </c:pt>
                <c:pt idx="121">
                  <c:v>257.29599999999999</c:v>
                </c:pt>
                <c:pt idx="122">
                  <c:v>259.23</c:v>
                </c:pt>
                <c:pt idx="123">
                  <c:v>263.21499999999997</c:v>
                </c:pt>
                <c:pt idx="124">
                  <c:v>268.96100000000001</c:v>
                </c:pt>
                <c:pt idx="125">
                  <c:v>266.35300000000001</c:v>
                </c:pt>
                <c:pt idx="126">
                  <c:v>267.31900000000002</c:v>
                </c:pt>
                <c:pt idx="127">
                  <c:v>280.29399999999998</c:v>
                </c:pt>
              </c:numCache>
            </c:numRef>
          </c:val>
          <c:smooth val="0"/>
          <c:extLst>
            <c:ext xmlns:c16="http://schemas.microsoft.com/office/drawing/2014/chart" uri="{C3380CC4-5D6E-409C-BE32-E72D297353CC}">
              <c16:uniqueId val="{00000001-B4B0-4DD5-8CBD-EBDBD655B357}"/>
            </c:ext>
          </c:extLst>
        </c:ser>
        <c:ser>
          <c:idx val="2"/>
          <c:order val="2"/>
          <c:tx>
            <c:strRef>
              <c:f>test_3_scene1_results!$D$1</c:f>
              <c:strCache>
                <c:ptCount val="1"/>
                <c:pt idx="0">
                  <c:v>3 splits</c:v>
                </c:pt>
              </c:strCache>
            </c:strRef>
          </c:tx>
          <c:spPr>
            <a:ln w="28575" cap="rnd">
              <a:solidFill>
                <a:schemeClr val="accent3"/>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D$2:$D$129</c:f>
              <c:numCache>
                <c:formatCode>General</c:formatCode>
                <c:ptCount val="128"/>
                <c:pt idx="0">
                  <c:v>28.067</c:v>
                </c:pt>
                <c:pt idx="1">
                  <c:v>27.944900000000001</c:v>
                </c:pt>
                <c:pt idx="2">
                  <c:v>29.048200000000001</c:v>
                </c:pt>
                <c:pt idx="3">
                  <c:v>31.031199999999998</c:v>
                </c:pt>
                <c:pt idx="4">
                  <c:v>31.023099999999999</c:v>
                </c:pt>
                <c:pt idx="5">
                  <c:v>31.802399999999999</c:v>
                </c:pt>
                <c:pt idx="6">
                  <c:v>35.026400000000002</c:v>
                </c:pt>
                <c:pt idx="7">
                  <c:v>34.777200000000001</c:v>
                </c:pt>
                <c:pt idx="8">
                  <c:v>36.389800000000001</c:v>
                </c:pt>
                <c:pt idx="9">
                  <c:v>39.4664</c:v>
                </c:pt>
                <c:pt idx="10">
                  <c:v>40.102600000000002</c:v>
                </c:pt>
                <c:pt idx="11">
                  <c:v>41.535499999999999</c:v>
                </c:pt>
                <c:pt idx="12">
                  <c:v>42.519199999999998</c:v>
                </c:pt>
                <c:pt idx="13">
                  <c:v>44.1233</c:v>
                </c:pt>
                <c:pt idx="14">
                  <c:v>43.845199999999998</c:v>
                </c:pt>
                <c:pt idx="15">
                  <c:v>47.025700000000001</c:v>
                </c:pt>
                <c:pt idx="16">
                  <c:v>47.843400000000003</c:v>
                </c:pt>
                <c:pt idx="17">
                  <c:v>48.642200000000003</c:v>
                </c:pt>
                <c:pt idx="18">
                  <c:v>53.197899999999997</c:v>
                </c:pt>
                <c:pt idx="19">
                  <c:v>52.648600000000002</c:v>
                </c:pt>
                <c:pt idx="20">
                  <c:v>53.046599999999998</c:v>
                </c:pt>
                <c:pt idx="21">
                  <c:v>55.991799999999998</c:v>
                </c:pt>
                <c:pt idx="22">
                  <c:v>57.239899999999999</c:v>
                </c:pt>
                <c:pt idx="23">
                  <c:v>56.706099999999999</c:v>
                </c:pt>
                <c:pt idx="24">
                  <c:v>59.621400000000001</c:v>
                </c:pt>
                <c:pt idx="25">
                  <c:v>61.504899999999999</c:v>
                </c:pt>
                <c:pt idx="26">
                  <c:v>61.924900000000001</c:v>
                </c:pt>
                <c:pt idx="27">
                  <c:v>65.053299999999993</c:v>
                </c:pt>
                <c:pt idx="28">
                  <c:v>66.805499999999995</c:v>
                </c:pt>
                <c:pt idx="29">
                  <c:v>68.304199999999994</c:v>
                </c:pt>
                <c:pt idx="30">
                  <c:v>71.902500000000003</c:v>
                </c:pt>
                <c:pt idx="31">
                  <c:v>70.759399999999999</c:v>
                </c:pt>
                <c:pt idx="32">
                  <c:v>72.094499999999996</c:v>
                </c:pt>
                <c:pt idx="33">
                  <c:v>73.894000000000005</c:v>
                </c:pt>
                <c:pt idx="34">
                  <c:v>75.145799999999994</c:v>
                </c:pt>
                <c:pt idx="35">
                  <c:v>76.524100000000004</c:v>
                </c:pt>
                <c:pt idx="36">
                  <c:v>77.727500000000006</c:v>
                </c:pt>
                <c:pt idx="37">
                  <c:v>78.467500000000001</c:v>
                </c:pt>
                <c:pt idx="38">
                  <c:v>76.628100000000003</c:v>
                </c:pt>
                <c:pt idx="39">
                  <c:v>82.434299999999993</c:v>
                </c:pt>
                <c:pt idx="40">
                  <c:v>83.008399999999995</c:v>
                </c:pt>
                <c:pt idx="41">
                  <c:v>82.398099999999999</c:v>
                </c:pt>
                <c:pt idx="42">
                  <c:v>89.030699999999996</c:v>
                </c:pt>
                <c:pt idx="43">
                  <c:v>88.488600000000005</c:v>
                </c:pt>
                <c:pt idx="44">
                  <c:v>89.716399999999993</c:v>
                </c:pt>
                <c:pt idx="45">
                  <c:v>92.745699999999999</c:v>
                </c:pt>
                <c:pt idx="46">
                  <c:v>93.552700000000002</c:v>
                </c:pt>
                <c:pt idx="47">
                  <c:v>94.945999999999998</c:v>
                </c:pt>
                <c:pt idx="48">
                  <c:v>97.905000000000001</c:v>
                </c:pt>
                <c:pt idx="49">
                  <c:v>99.110200000000006</c:v>
                </c:pt>
                <c:pt idx="50">
                  <c:v>99.040199999999999</c:v>
                </c:pt>
                <c:pt idx="51">
                  <c:v>103.17400000000001</c:v>
                </c:pt>
                <c:pt idx="52">
                  <c:v>103.14</c:v>
                </c:pt>
                <c:pt idx="53">
                  <c:v>103.47199999999999</c:v>
                </c:pt>
                <c:pt idx="54">
                  <c:v>108.746</c:v>
                </c:pt>
                <c:pt idx="55">
                  <c:v>107.22</c:v>
                </c:pt>
                <c:pt idx="56">
                  <c:v>109.015</c:v>
                </c:pt>
                <c:pt idx="57">
                  <c:v>112.48699999999999</c:v>
                </c:pt>
                <c:pt idx="58">
                  <c:v>112.867</c:v>
                </c:pt>
                <c:pt idx="59">
                  <c:v>112.488</c:v>
                </c:pt>
                <c:pt idx="60">
                  <c:v>111.944</c:v>
                </c:pt>
                <c:pt idx="61">
                  <c:v>113.614</c:v>
                </c:pt>
                <c:pt idx="62">
                  <c:v>114.657</c:v>
                </c:pt>
                <c:pt idx="63">
                  <c:v>117.60299999999999</c:v>
                </c:pt>
                <c:pt idx="64">
                  <c:v>119.61799999999999</c:v>
                </c:pt>
                <c:pt idx="65">
                  <c:v>118.11499999999999</c:v>
                </c:pt>
                <c:pt idx="66">
                  <c:v>126.874</c:v>
                </c:pt>
                <c:pt idx="67">
                  <c:v>123.898</c:v>
                </c:pt>
                <c:pt idx="68">
                  <c:v>122.754</c:v>
                </c:pt>
                <c:pt idx="69">
                  <c:v>130.29900000000001</c:v>
                </c:pt>
                <c:pt idx="70">
                  <c:v>132.24600000000001</c:v>
                </c:pt>
                <c:pt idx="71">
                  <c:v>131.44399999999999</c:v>
                </c:pt>
                <c:pt idx="72">
                  <c:v>136.21600000000001</c:v>
                </c:pt>
                <c:pt idx="73">
                  <c:v>136.399</c:v>
                </c:pt>
                <c:pt idx="74">
                  <c:v>135.88900000000001</c:v>
                </c:pt>
                <c:pt idx="75">
                  <c:v>142.10300000000001</c:v>
                </c:pt>
                <c:pt idx="76">
                  <c:v>142.69</c:v>
                </c:pt>
                <c:pt idx="77">
                  <c:v>142.864</c:v>
                </c:pt>
                <c:pt idx="78">
                  <c:v>145.85</c:v>
                </c:pt>
                <c:pt idx="79">
                  <c:v>141.94800000000001</c:v>
                </c:pt>
                <c:pt idx="80">
                  <c:v>144.43700000000001</c:v>
                </c:pt>
                <c:pt idx="81">
                  <c:v>150.58199999999999</c:v>
                </c:pt>
                <c:pt idx="82">
                  <c:v>152.54300000000001</c:v>
                </c:pt>
                <c:pt idx="83">
                  <c:v>155.41</c:v>
                </c:pt>
                <c:pt idx="84">
                  <c:v>156.67400000000001</c:v>
                </c:pt>
                <c:pt idx="85">
                  <c:v>155.518</c:v>
                </c:pt>
                <c:pt idx="86">
                  <c:v>158.863</c:v>
                </c:pt>
                <c:pt idx="87">
                  <c:v>157.69900000000001</c:v>
                </c:pt>
                <c:pt idx="88">
                  <c:v>160.74299999999999</c:v>
                </c:pt>
                <c:pt idx="89">
                  <c:v>157.34</c:v>
                </c:pt>
                <c:pt idx="90">
                  <c:v>166.142</c:v>
                </c:pt>
                <c:pt idx="91">
                  <c:v>168.43299999999999</c:v>
                </c:pt>
                <c:pt idx="92">
                  <c:v>160.46</c:v>
                </c:pt>
                <c:pt idx="93">
                  <c:v>168.24100000000001</c:v>
                </c:pt>
                <c:pt idx="94">
                  <c:v>166.191</c:v>
                </c:pt>
                <c:pt idx="95">
                  <c:v>168.19800000000001</c:v>
                </c:pt>
                <c:pt idx="96">
                  <c:v>169.57300000000001</c:v>
                </c:pt>
                <c:pt idx="97">
                  <c:v>172.96</c:v>
                </c:pt>
                <c:pt idx="98">
                  <c:v>174.23099999999999</c:v>
                </c:pt>
                <c:pt idx="99">
                  <c:v>175.38</c:v>
                </c:pt>
                <c:pt idx="100">
                  <c:v>183.078</c:v>
                </c:pt>
                <c:pt idx="101">
                  <c:v>197.434</c:v>
                </c:pt>
                <c:pt idx="102">
                  <c:v>182.50800000000001</c:v>
                </c:pt>
                <c:pt idx="103">
                  <c:v>182.34899999999999</c:v>
                </c:pt>
                <c:pt idx="104">
                  <c:v>183.16499999999999</c:v>
                </c:pt>
                <c:pt idx="105">
                  <c:v>191.70699999999999</c:v>
                </c:pt>
                <c:pt idx="106">
                  <c:v>191.19200000000001</c:v>
                </c:pt>
                <c:pt idx="107">
                  <c:v>188.32</c:v>
                </c:pt>
                <c:pt idx="108">
                  <c:v>189.07900000000001</c:v>
                </c:pt>
                <c:pt idx="109">
                  <c:v>192.755</c:v>
                </c:pt>
                <c:pt idx="110">
                  <c:v>195.46899999999999</c:v>
                </c:pt>
                <c:pt idx="111">
                  <c:v>201.17</c:v>
                </c:pt>
                <c:pt idx="112">
                  <c:v>197.90799999999999</c:v>
                </c:pt>
                <c:pt idx="113">
                  <c:v>204.411</c:v>
                </c:pt>
                <c:pt idx="114">
                  <c:v>207.67</c:v>
                </c:pt>
                <c:pt idx="115">
                  <c:v>204.92699999999999</c:v>
                </c:pt>
                <c:pt idx="116">
                  <c:v>214.667</c:v>
                </c:pt>
                <c:pt idx="117">
                  <c:v>204.63300000000001</c:v>
                </c:pt>
                <c:pt idx="118">
                  <c:v>214.69</c:v>
                </c:pt>
                <c:pt idx="119">
                  <c:v>205.67</c:v>
                </c:pt>
                <c:pt idx="120">
                  <c:v>210.047</c:v>
                </c:pt>
                <c:pt idx="121">
                  <c:v>215.839</c:v>
                </c:pt>
                <c:pt idx="122">
                  <c:v>216.64400000000001</c:v>
                </c:pt>
                <c:pt idx="123">
                  <c:v>217.34200000000001</c:v>
                </c:pt>
                <c:pt idx="124">
                  <c:v>219.16499999999999</c:v>
                </c:pt>
                <c:pt idx="125">
                  <c:v>225.298</c:v>
                </c:pt>
                <c:pt idx="126">
                  <c:v>227.28</c:v>
                </c:pt>
                <c:pt idx="127">
                  <c:v>228.958</c:v>
                </c:pt>
              </c:numCache>
            </c:numRef>
          </c:val>
          <c:smooth val="0"/>
          <c:extLst>
            <c:ext xmlns:c16="http://schemas.microsoft.com/office/drawing/2014/chart" uri="{C3380CC4-5D6E-409C-BE32-E72D297353CC}">
              <c16:uniqueId val="{00000002-B4B0-4DD5-8CBD-EBDBD655B357}"/>
            </c:ext>
          </c:extLst>
        </c:ser>
        <c:dLbls>
          <c:showLegendKey val="0"/>
          <c:showVal val="0"/>
          <c:showCatName val="0"/>
          <c:showSerName val="0"/>
          <c:showPercent val="0"/>
          <c:showBubbleSize val="0"/>
        </c:dLbls>
        <c:smooth val="0"/>
        <c:axId val="1340538288"/>
        <c:axId val="1340544528"/>
      </c:lineChart>
      <c:catAx>
        <c:axId val="134053828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0544528"/>
        <c:crosses val="autoZero"/>
        <c:auto val="1"/>
        <c:lblAlgn val="ctr"/>
        <c:lblOffset val="100"/>
        <c:noMultiLvlLbl val="0"/>
      </c:catAx>
      <c:valAx>
        <c:axId val="1340544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053828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D1471C2C-1567-47F4-803E-468024209D92}"/>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en-GB"/>
          </a:p>
        </p:txBody>
      </p:sp>
      <p:sp>
        <p:nvSpPr>
          <p:cNvPr id="3" name="Date Placeholder 2">
            <a:extLst>
              <a:ext uri="{FF2B5EF4-FFF2-40B4-BE49-F238E27FC236}">
                <a16:creationId xmlns:a16="http://schemas.microsoft.com/office/drawing/2014/main" id="{058F5B09-2954-46C6-97BB-9E10649FE2C3}"/>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EBE77BE8-C92C-4478-BEC0-BA685856F54D}" type="datetime1">
              <a:rPr lang="en-GB" smtClean="0"/>
              <a:t>18/12/2024</a:t>
            </a:fld>
            <a:endParaRPr lang="en-GB"/>
          </a:p>
        </p:txBody>
      </p:sp>
      <p:sp>
        <p:nvSpPr>
          <p:cNvPr id="4" name="Footer Placeholder 3">
            <a:extLst>
              <a:ext uri="{FF2B5EF4-FFF2-40B4-BE49-F238E27FC236}">
                <a16:creationId xmlns:a16="http://schemas.microsoft.com/office/drawing/2014/main" id="{E39A204B-EBA9-4C6D-BFB2-A104F00C8E26}"/>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en-GB"/>
          </a:p>
        </p:txBody>
      </p:sp>
      <p:sp>
        <p:nvSpPr>
          <p:cNvPr id="5" name="Slide Number Placeholder 4">
            <a:extLst>
              <a:ext uri="{FF2B5EF4-FFF2-40B4-BE49-F238E27FC236}">
                <a16:creationId xmlns:a16="http://schemas.microsoft.com/office/drawing/2014/main" id="{855F72FC-4D2D-4E5B-A4DD-62E2C822FB1E}"/>
              </a:ext>
            </a:extLst>
          </p:cNvPr>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023CDBB5-5B4A-4483-935D-A73935186B4D}" type="slidenum">
              <a:rPr lang="en-GB" smtClean="0"/>
              <a:t>‹#›</a:t>
            </a:fld>
            <a:endParaRPr lang="en-GB"/>
          </a:p>
        </p:txBody>
      </p:sp>
    </p:spTree>
    <p:extLst>
      <p:ext uri="{BB962C8B-B14F-4D97-AF65-F5344CB8AC3E}">
        <p14:creationId xmlns:p14="http://schemas.microsoft.com/office/powerpoint/2010/main" val="2619237790"/>
      </p:ext>
    </p:extLst>
  </p:cSld>
  <p:clrMap bg1="lt1" tx1="dk1" bg2="lt2" tx2="dk2" accent1="accent1" accent2="accent2" accent3="accent3" accent4="accent4" accent5="accent5" accent6="accent6" hlink="hlink" folHlink="folHlink"/>
  <p:hf hdr="0" ftr="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en-GB"/>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pPr rtl="0"/>
            <a:fld id="{BF695629-D1D6-472E-AD8D-B841B09640C4}" type="datetime1">
              <a:rPr lang="en-GB" smtClean="0"/>
              <a:t>18/12/2024</a:t>
            </a:fld>
            <a:endParaRPr lang="en-GB"/>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en-GB"/>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rtl="0"/>
            <a:r>
              <a:rPr lang="en-GB"/>
              <a:t>Click to edit Master text styles</a:t>
            </a:r>
          </a:p>
          <a:p>
            <a:pPr lvl="1" rtl="0"/>
            <a:r>
              <a:rPr lang="en-GB"/>
              <a:t>Second level</a:t>
            </a:r>
          </a:p>
          <a:p>
            <a:pPr lvl="2" rtl="0"/>
            <a:r>
              <a:rPr lang="en-GB"/>
              <a:t>Third level</a:t>
            </a:r>
          </a:p>
          <a:p>
            <a:pPr lvl="3" rtl="0"/>
            <a:r>
              <a:rPr lang="en-GB"/>
              <a:t>Fourth level</a:t>
            </a:r>
          </a:p>
          <a:p>
            <a:pPr lvl="4" rtl="0"/>
            <a:r>
              <a:rPr lang="en-GB"/>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en-GB"/>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E7CCE34D-CFF1-4FFE-815B-D050E7ED2DFD}" type="slidenum">
              <a:rPr lang="en-GB" smtClean="0"/>
              <a:t>‹#›</a:t>
            </a:fld>
            <a:endParaRPr lang="en-GB"/>
          </a:p>
        </p:txBody>
      </p:sp>
    </p:spTree>
    <p:extLst>
      <p:ext uri="{BB962C8B-B14F-4D97-AF65-F5344CB8AC3E}">
        <p14:creationId xmlns:p14="http://schemas.microsoft.com/office/powerpoint/2010/main" val="3979362889"/>
      </p:ext>
    </p:extLst>
  </p:cSld>
  <p:clrMap bg1="lt1" tx1="dk1" bg2="lt2" tx2="dk2" accent1="accent1" accent2="accent2" accent3="accent3" accent4="accent4" accent5="accent5" accent6="accent6" hlink="hlink" folHlink="folHlink"/>
  <p:hf hdr="0" ftr="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1</a:t>
            </a:fld>
            <a:endParaRPr lang="en-GB"/>
          </a:p>
        </p:txBody>
      </p:sp>
      <p:sp>
        <p:nvSpPr>
          <p:cNvPr id="5" name="Date Placeholder 4">
            <a:extLst>
              <a:ext uri="{FF2B5EF4-FFF2-40B4-BE49-F238E27FC236}">
                <a16:creationId xmlns:a16="http://schemas.microsoft.com/office/drawing/2014/main" id="{7B638BEA-13B4-4493-97CD-5DE130591975}"/>
              </a:ext>
            </a:extLst>
          </p:cNvPr>
          <p:cNvSpPr>
            <a:spLocks noGrp="1"/>
          </p:cNvSpPr>
          <p:nvPr>
            <p:ph type="dt" idx="1"/>
          </p:nvPr>
        </p:nvSpPr>
        <p:spPr/>
        <p:txBody>
          <a:bodyPr/>
          <a:lstStyle/>
          <a:p>
            <a:pPr rtl="0"/>
            <a:fld id="{1A5657D3-E8CC-402E-9DD0-BFC4FEBDA829}" type="datetime1">
              <a:rPr lang="en-GB" smtClean="0"/>
              <a:t>18/12/2024</a:t>
            </a:fld>
            <a:endParaRPr lang="en-GB"/>
          </a:p>
        </p:txBody>
      </p:sp>
    </p:spTree>
    <p:extLst>
      <p:ext uri="{BB962C8B-B14F-4D97-AF65-F5344CB8AC3E}">
        <p14:creationId xmlns:p14="http://schemas.microsoft.com/office/powerpoint/2010/main" val="156083596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852745C-D891-3BB1-8196-DB1BEA6B1E7A}"/>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DF9AB9B-C98E-B7C2-6018-9E7C1E1CF3D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8B23795B-5566-7F79-6F14-03BCEF0D4F4A}"/>
              </a:ext>
            </a:extLst>
          </p:cNvPr>
          <p:cNvSpPr>
            <a:spLocks noGrp="1"/>
          </p:cNvSpPr>
          <p:nvPr>
            <p:ph type="body" idx="1"/>
          </p:nvPr>
        </p:nvSpPr>
        <p:spPr/>
        <p:txBody>
          <a:bodyPr rtlCol="0"/>
          <a:lstStyle/>
          <a:p>
            <a:pPr rtl="0"/>
            <a:r>
              <a:rPr lang="en-GB" dirty="0"/>
              <a:t>Here I have cut off the results from 1 to 13 to allow us to see the results in more detail. The fastest average frame time was 37 threads at 176.85, with the results seeming to increase from there. Interestingly, the results increase until around 239 threads where they level off.</a:t>
            </a:r>
          </a:p>
        </p:txBody>
      </p:sp>
      <p:sp>
        <p:nvSpPr>
          <p:cNvPr id="4" name="Slide Number Placeholder 3">
            <a:extLst>
              <a:ext uri="{FF2B5EF4-FFF2-40B4-BE49-F238E27FC236}">
                <a16:creationId xmlns:a16="http://schemas.microsoft.com/office/drawing/2014/main" id="{EF11FE31-BD4C-9459-3500-4E06954C7337}"/>
              </a:ext>
            </a:extLst>
          </p:cNvPr>
          <p:cNvSpPr>
            <a:spLocks noGrp="1"/>
          </p:cNvSpPr>
          <p:nvPr>
            <p:ph type="sldNum" sz="quarter" idx="5"/>
          </p:nvPr>
        </p:nvSpPr>
        <p:spPr/>
        <p:txBody>
          <a:bodyPr rtlCol="0"/>
          <a:lstStyle/>
          <a:p>
            <a:pPr rtl="0"/>
            <a:fld id="{1983A999-5E0E-42CA-8400-604AE921FF7C}" type="slidenum">
              <a:rPr lang="en-GB" smtClean="0"/>
              <a:t>10</a:t>
            </a:fld>
            <a:endParaRPr lang="en-GB"/>
          </a:p>
        </p:txBody>
      </p:sp>
      <p:sp>
        <p:nvSpPr>
          <p:cNvPr id="5" name="Date Placeholder 4">
            <a:extLst>
              <a:ext uri="{FF2B5EF4-FFF2-40B4-BE49-F238E27FC236}">
                <a16:creationId xmlns:a16="http://schemas.microsoft.com/office/drawing/2014/main" id="{AADAA974-ECD0-A822-1995-8335E8D74306}"/>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68729687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1713713-301C-9DC5-8ECA-A32EA16587AE}"/>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805C194-4C30-DBF9-8373-12C534E5600D}"/>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F677C906-722B-54D8-2897-3FA31D698A9B}"/>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en-US" dirty="0"/>
              <a:t>So from 37 to 239 threads, we see the frame time increasing because the number of threads exceeds the number of logical processors leading to more context switching as the operating system shares CPU time among threads. The CPU can only do tasks simultaneously on its logical processors, our CPU has 24 logical processors, so we can assume that the benefit of extra threads taking on work out-weighed the overhead of context switching in the range of 24 to 37 threads. In the range 240 to 500 threads, the operating system </a:t>
            </a:r>
            <a:r>
              <a:rPr lang="en-US" altLang="en-US" dirty="0" err="1"/>
              <a:t>stablises</a:t>
            </a:r>
            <a:r>
              <a:rPr lang="en-US" altLang="en-US" dirty="0"/>
              <a:t> its scheduling overhead and additional threads remain idle, waiting for an active thread to stop needing CPU time. The fact that the results started plateauing at 240 threads when we have 24 logical processors seemed too coincidental, like maybe one logical processor can only handle 10 tasks, but after some research it seems that that is not the case and the number is purely coincidental, there is no hard limit on threads a logical processor can handle at once.</a:t>
            </a:r>
          </a:p>
        </p:txBody>
      </p:sp>
      <p:sp>
        <p:nvSpPr>
          <p:cNvPr id="4" name="Slide Number Placeholder 3">
            <a:extLst>
              <a:ext uri="{FF2B5EF4-FFF2-40B4-BE49-F238E27FC236}">
                <a16:creationId xmlns:a16="http://schemas.microsoft.com/office/drawing/2014/main" id="{7216101A-B9B7-8B6B-94FF-E879B8EB85F8}"/>
              </a:ext>
            </a:extLst>
          </p:cNvPr>
          <p:cNvSpPr>
            <a:spLocks noGrp="1"/>
          </p:cNvSpPr>
          <p:nvPr>
            <p:ph type="sldNum" sz="quarter" idx="5"/>
          </p:nvPr>
        </p:nvSpPr>
        <p:spPr/>
        <p:txBody>
          <a:bodyPr rtlCol="0"/>
          <a:lstStyle/>
          <a:p>
            <a:pPr rtl="0"/>
            <a:fld id="{1983A999-5E0E-42CA-8400-604AE921FF7C}" type="slidenum">
              <a:rPr lang="en-GB" smtClean="0"/>
              <a:t>11</a:t>
            </a:fld>
            <a:endParaRPr lang="en-GB"/>
          </a:p>
        </p:txBody>
      </p:sp>
      <p:sp>
        <p:nvSpPr>
          <p:cNvPr id="5" name="Date Placeholder 4">
            <a:extLst>
              <a:ext uri="{FF2B5EF4-FFF2-40B4-BE49-F238E27FC236}">
                <a16:creationId xmlns:a16="http://schemas.microsoft.com/office/drawing/2014/main" id="{C9D52FF1-3B87-BCBC-AFF9-445EA434A090}"/>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415902229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AB2D15A-E276-7D49-E12E-6057E908C8FB}"/>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821984E1-50B8-517E-7B0F-78E7AEA3CE82}"/>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EB9DEBF-FE1F-D97A-B6E7-9072B17C0D24}"/>
              </a:ext>
            </a:extLst>
          </p:cNvPr>
          <p:cNvSpPr>
            <a:spLocks noGrp="1"/>
          </p:cNvSpPr>
          <p:nvPr>
            <p:ph type="body" idx="1"/>
          </p:nvPr>
        </p:nvSpPr>
        <p:spPr/>
        <p:txBody>
          <a:bodyPr rtlCol="0"/>
          <a:lstStyle/>
          <a:p>
            <a:pPr rtl="0"/>
            <a:r>
              <a:rPr lang="en-GB" dirty="0"/>
              <a:t>Test 2 was to test how the number of tasks impacts the performance against threads. My prediction was that less tasks than threads is simulating that lower number of threads as the rest of the threads will be idle, so all the threads should decrease in frame time as the tasks decrease and then break away from the rest of the threads once their number of threads is exceeded by tasks.</a:t>
            </a:r>
          </a:p>
        </p:txBody>
      </p:sp>
      <p:sp>
        <p:nvSpPr>
          <p:cNvPr id="4" name="Slide Number Placeholder 3">
            <a:extLst>
              <a:ext uri="{FF2B5EF4-FFF2-40B4-BE49-F238E27FC236}">
                <a16:creationId xmlns:a16="http://schemas.microsoft.com/office/drawing/2014/main" id="{741F3C1F-1399-2CD8-A4FB-B323607FA2DB}"/>
              </a:ext>
            </a:extLst>
          </p:cNvPr>
          <p:cNvSpPr>
            <a:spLocks noGrp="1"/>
          </p:cNvSpPr>
          <p:nvPr>
            <p:ph type="sldNum" sz="quarter" idx="5"/>
          </p:nvPr>
        </p:nvSpPr>
        <p:spPr/>
        <p:txBody>
          <a:bodyPr rtlCol="0"/>
          <a:lstStyle/>
          <a:p>
            <a:pPr rtl="0"/>
            <a:fld id="{1983A999-5E0E-42CA-8400-604AE921FF7C}" type="slidenum">
              <a:rPr lang="en-GB" smtClean="0"/>
              <a:t>12</a:t>
            </a:fld>
            <a:endParaRPr lang="en-GB"/>
          </a:p>
        </p:txBody>
      </p:sp>
      <p:sp>
        <p:nvSpPr>
          <p:cNvPr id="5" name="Date Placeholder 4">
            <a:extLst>
              <a:ext uri="{FF2B5EF4-FFF2-40B4-BE49-F238E27FC236}">
                <a16:creationId xmlns:a16="http://schemas.microsoft.com/office/drawing/2014/main" id="{9F0C92E6-A500-3CF1-4C60-EAF92C60426A}"/>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126231359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CACC4BF-4636-60FF-7DB0-1D3863206695}"/>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5DECB2B2-ED0C-8D92-E41F-954AC60DD8CA}"/>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E156A4DC-42AF-CE32-4895-98C51E969ED0}"/>
              </a:ext>
            </a:extLst>
          </p:cNvPr>
          <p:cNvSpPr>
            <a:spLocks noGrp="1"/>
          </p:cNvSpPr>
          <p:nvPr>
            <p:ph type="body" idx="1"/>
          </p:nvPr>
        </p:nvSpPr>
        <p:spPr/>
        <p:txBody>
          <a:bodyPr rtlCol="0"/>
          <a:lstStyle/>
          <a:p>
            <a:pPr rtl="0"/>
            <a:r>
              <a:rPr lang="en-GB" dirty="0"/>
              <a:t>My prediction was mostly correct however not as drastic as I had thought. You can see that initially the results are almost identical at a low number of tasks.</a:t>
            </a:r>
          </a:p>
        </p:txBody>
      </p:sp>
      <p:sp>
        <p:nvSpPr>
          <p:cNvPr id="4" name="Slide Number Placeholder 3">
            <a:extLst>
              <a:ext uri="{FF2B5EF4-FFF2-40B4-BE49-F238E27FC236}">
                <a16:creationId xmlns:a16="http://schemas.microsoft.com/office/drawing/2014/main" id="{97463061-FCAB-F02A-2D03-B15675429997}"/>
              </a:ext>
            </a:extLst>
          </p:cNvPr>
          <p:cNvSpPr>
            <a:spLocks noGrp="1"/>
          </p:cNvSpPr>
          <p:nvPr>
            <p:ph type="sldNum" sz="quarter" idx="5"/>
          </p:nvPr>
        </p:nvSpPr>
        <p:spPr/>
        <p:txBody>
          <a:bodyPr rtlCol="0"/>
          <a:lstStyle/>
          <a:p>
            <a:pPr rtl="0"/>
            <a:fld id="{1983A999-5E0E-42CA-8400-604AE921FF7C}" type="slidenum">
              <a:rPr lang="en-GB" smtClean="0"/>
              <a:t>13</a:t>
            </a:fld>
            <a:endParaRPr lang="en-GB"/>
          </a:p>
        </p:txBody>
      </p:sp>
      <p:sp>
        <p:nvSpPr>
          <p:cNvPr id="5" name="Date Placeholder 4">
            <a:extLst>
              <a:ext uri="{FF2B5EF4-FFF2-40B4-BE49-F238E27FC236}">
                <a16:creationId xmlns:a16="http://schemas.microsoft.com/office/drawing/2014/main" id="{1BFF1EA9-7479-8B8F-CD8A-FD187C5E27FC}"/>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177521757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643F7F9-3F29-A4F8-FE72-FDE375EF4C1E}"/>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8E9A802-C29D-7F4C-5C30-1E34A534C93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6E8AA96-3C54-0D30-F875-AC801B61D540}"/>
              </a:ext>
            </a:extLst>
          </p:cNvPr>
          <p:cNvSpPr>
            <a:spLocks noGrp="1"/>
          </p:cNvSpPr>
          <p:nvPr>
            <p:ph type="body" idx="1"/>
          </p:nvPr>
        </p:nvSpPr>
        <p:spPr/>
        <p:txBody>
          <a:bodyPr rtlCol="0"/>
          <a:lstStyle/>
          <a:p>
            <a:pPr rtl="0"/>
            <a:r>
              <a:rPr lang="en-GB" dirty="0"/>
              <a:t>I have cut off the first 6 results to allow us to see the graph in more detail. We can see that when 8 threads exceeds 8 tasks it breaks off from the rest and plateaus getting gradually quicker with more tasks, and the same for 16 threads. However all the rest of the threads are almost identical. 32 threads tends to be the slowest on average but not by much. We can relate this data back to test 1, where we see the performance doesn’t improve past 37 threads. I am pleased with the result at 16 threads however, with a noticeable decrease in frame time as tasks increase. We can assume this is because while one thread is working on a long task, other threads can work on many smaller ones at the same time making it more efficient. This effect increases as we add more tasks.</a:t>
            </a:r>
          </a:p>
        </p:txBody>
      </p:sp>
      <p:sp>
        <p:nvSpPr>
          <p:cNvPr id="4" name="Slide Number Placeholder 3">
            <a:extLst>
              <a:ext uri="{FF2B5EF4-FFF2-40B4-BE49-F238E27FC236}">
                <a16:creationId xmlns:a16="http://schemas.microsoft.com/office/drawing/2014/main" id="{B191FFA4-C0E5-8560-22E3-C4F5954A1D0A}"/>
              </a:ext>
            </a:extLst>
          </p:cNvPr>
          <p:cNvSpPr>
            <a:spLocks noGrp="1"/>
          </p:cNvSpPr>
          <p:nvPr>
            <p:ph type="sldNum" sz="quarter" idx="5"/>
          </p:nvPr>
        </p:nvSpPr>
        <p:spPr/>
        <p:txBody>
          <a:bodyPr rtlCol="0"/>
          <a:lstStyle/>
          <a:p>
            <a:pPr rtl="0"/>
            <a:fld id="{1983A999-5E0E-42CA-8400-604AE921FF7C}" type="slidenum">
              <a:rPr lang="en-GB" smtClean="0"/>
              <a:t>14</a:t>
            </a:fld>
            <a:endParaRPr lang="en-GB"/>
          </a:p>
        </p:txBody>
      </p:sp>
      <p:sp>
        <p:nvSpPr>
          <p:cNvPr id="5" name="Date Placeholder 4">
            <a:extLst>
              <a:ext uri="{FF2B5EF4-FFF2-40B4-BE49-F238E27FC236}">
                <a16:creationId xmlns:a16="http://schemas.microsoft.com/office/drawing/2014/main" id="{7A35AAC6-4CE5-D082-09D7-76E875FC93B3}"/>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93372511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2C2DD6C-06E2-054E-B0C9-6CE7E9429808}"/>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25D37B9-85C6-E75E-429D-A8A4D396B16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9AE24946-7073-5CA6-D692-57243933058E}"/>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est 3 was to test different ambient occlusion sample sizes, as well as different number of splits on scene 2 and then scene 1 to see the difference in frame time between differently split samples, and then see how the percentage change differs on a different scene. </a:t>
            </a:r>
            <a:r>
              <a:rPr lang="en-GB"/>
              <a:t>Tests done with 24 threads and 24 tasks.</a:t>
            </a:r>
          </a:p>
        </p:txBody>
      </p:sp>
      <p:sp>
        <p:nvSpPr>
          <p:cNvPr id="4" name="Slide Number Placeholder 3">
            <a:extLst>
              <a:ext uri="{FF2B5EF4-FFF2-40B4-BE49-F238E27FC236}">
                <a16:creationId xmlns:a16="http://schemas.microsoft.com/office/drawing/2014/main" id="{56655076-AF98-494B-7806-5ABBEB402680}"/>
              </a:ext>
            </a:extLst>
          </p:cNvPr>
          <p:cNvSpPr>
            <a:spLocks noGrp="1"/>
          </p:cNvSpPr>
          <p:nvPr>
            <p:ph type="sldNum" sz="quarter" idx="5"/>
          </p:nvPr>
        </p:nvSpPr>
        <p:spPr/>
        <p:txBody>
          <a:bodyPr rtlCol="0"/>
          <a:lstStyle/>
          <a:p>
            <a:pPr rtl="0"/>
            <a:fld id="{1983A999-5E0E-42CA-8400-604AE921FF7C}" type="slidenum">
              <a:rPr lang="en-GB" smtClean="0"/>
              <a:t>15</a:t>
            </a:fld>
            <a:endParaRPr lang="en-GB"/>
          </a:p>
        </p:txBody>
      </p:sp>
      <p:sp>
        <p:nvSpPr>
          <p:cNvPr id="5" name="Date Placeholder 4">
            <a:extLst>
              <a:ext uri="{FF2B5EF4-FFF2-40B4-BE49-F238E27FC236}">
                <a16:creationId xmlns:a16="http://schemas.microsoft.com/office/drawing/2014/main" id="{71C882CC-B0C5-8420-4906-F20EC046E3B1}"/>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41502682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0B7C314-B276-B8A4-60A2-ECE4F730EBCC}"/>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554D55CD-866E-B768-98B5-D28EDBC6DE0B}"/>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36B01F62-A071-0A54-68E9-4ABFA4D6421C}"/>
              </a:ext>
            </a:extLst>
          </p:cNvPr>
          <p:cNvSpPr>
            <a:spLocks noGrp="1"/>
          </p:cNvSpPr>
          <p:nvPr>
            <p:ph type="body" idx="1"/>
          </p:nvPr>
        </p:nvSpPr>
        <p:spPr/>
        <p:txBody>
          <a:bodyPr rtlCol="0"/>
          <a:lstStyle/>
          <a:p>
            <a:pPr rtl="0"/>
            <a:r>
              <a:rPr lang="en-GB" dirty="0"/>
              <a:t>As you can see there is a noticeable increase in performance with more splits being faster than less splits. The results for 4, 5, and 6 splits are very close. This is likely because the difference in the number of samples in each split is small so, looking at one point, the chances of (for example) 12 equally distributed samples not hitting and allowing for an early exit and 10 samples not hitting and allowing for an early exit are very low.</a:t>
            </a:r>
          </a:p>
        </p:txBody>
      </p:sp>
      <p:sp>
        <p:nvSpPr>
          <p:cNvPr id="4" name="Slide Number Placeholder 3">
            <a:extLst>
              <a:ext uri="{FF2B5EF4-FFF2-40B4-BE49-F238E27FC236}">
                <a16:creationId xmlns:a16="http://schemas.microsoft.com/office/drawing/2014/main" id="{E8D8370A-7CF2-552C-F31C-422FBE17EF35}"/>
              </a:ext>
            </a:extLst>
          </p:cNvPr>
          <p:cNvSpPr>
            <a:spLocks noGrp="1"/>
          </p:cNvSpPr>
          <p:nvPr>
            <p:ph type="sldNum" sz="quarter" idx="5"/>
          </p:nvPr>
        </p:nvSpPr>
        <p:spPr/>
        <p:txBody>
          <a:bodyPr rtlCol="0"/>
          <a:lstStyle/>
          <a:p>
            <a:pPr rtl="0"/>
            <a:fld id="{1983A999-5E0E-42CA-8400-604AE921FF7C}" type="slidenum">
              <a:rPr lang="en-GB" smtClean="0"/>
              <a:t>16</a:t>
            </a:fld>
            <a:endParaRPr lang="en-GB"/>
          </a:p>
        </p:txBody>
      </p:sp>
      <p:sp>
        <p:nvSpPr>
          <p:cNvPr id="5" name="Date Placeholder 4">
            <a:extLst>
              <a:ext uri="{FF2B5EF4-FFF2-40B4-BE49-F238E27FC236}">
                <a16:creationId xmlns:a16="http://schemas.microsoft.com/office/drawing/2014/main" id="{58CB3BF8-8DE6-7AEB-B551-04740C3804D1}"/>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113185286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92A0D1C-CDD8-332E-012E-1C0DF01543D4}"/>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957E82C-72D9-9F0E-50B5-D7A91BFC5E92}"/>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E934ABB3-1D40-9DB7-1B8E-3D4B9DE21E0F}"/>
              </a:ext>
            </a:extLst>
          </p:cNvPr>
          <p:cNvSpPr>
            <a:spLocks noGrp="1"/>
          </p:cNvSpPr>
          <p:nvPr>
            <p:ph type="body" idx="1"/>
          </p:nvPr>
        </p:nvSpPr>
        <p:spPr/>
        <p:txBody>
          <a:bodyPr rtlCol="0"/>
          <a:lstStyle/>
          <a:p>
            <a:pPr rtl="0"/>
            <a:r>
              <a:rPr lang="en-GB" dirty="0"/>
              <a:t>In a scene where a lot less points require ambient occlusion we see a much bigger increase in performance with an increased number of splits. This is because we can exit early on a lot more points, requiring the code to check a lot less samples.</a:t>
            </a:r>
          </a:p>
        </p:txBody>
      </p:sp>
      <p:sp>
        <p:nvSpPr>
          <p:cNvPr id="4" name="Slide Number Placeholder 3">
            <a:extLst>
              <a:ext uri="{FF2B5EF4-FFF2-40B4-BE49-F238E27FC236}">
                <a16:creationId xmlns:a16="http://schemas.microsoft.com/office/drawing/2014/main" id="{06979562-0A7E-D6C1-5F6B-B7EBE832A2D6}"/>
              </a:ext>
            </a:extLst>
          </p:cNvPr>
          <p:cNvSpPr>
            <a:spLocks noGrp="1"/>
          </p:cNvSpPr>
          <p:nvPr>
            <p:ph type="sldNum" sz="quarter" idx="5"/>
          </p:nvPr>
        </p:nvSpPr>
        <p:spPr/>
        <p:txBody>
          <a:bodyPr rtlCol="0"/>
          <a:lstStyle/>
          <a:p>
            <a:pPr rtl="0"/>
            <a:fld id="{1983A999-5E0E-42CA-8400-604AE921FF7C}" type="slidenum">
              <a:rPr lang="en-GB" smtClean="0"/>
              <a:t>17</a:t>
            </a:fld>
            <a:endParaRPr lang="en-GB"/>
          </a:p>
        </p:txBody>
      </p:sp>
      <p:sp>
        <p:nvSpPr>
          <p:cNvPr id="5" name="Date Placeholder 4">
            <a:extLst>
              <a:ext uri="{FF2B5EF4-FFF2-40B4-BE49-F238E27FC236}">
                <a16:creationId xmlns:a16="http://schemas.microsoft.com/office/drawing/2014/main" id="{473583E4-0F39-907C-9674-B4783BC49414}"/>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215037212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r>
              <a:rPr lang="en-GB" dirty="0"/>
              <a:t>Here you can see the percentage change in frame time. For this I have averaged the frame time over all threads for 1 splits, 2 splits, and 3 splits for each scene. It is clear to see there is a much bigger percentage change in scene 1 compared to scene 2 for the reasons I have already discussed.</a:t>
            </a:r>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18</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233150158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r>
              <a:rPr lang="en-GB" dirty="0"/>
              <a:t>Here is a visual comparison of the different number of splits. These pictures were rendered with 64 ambient occlusion samples. For the top row of images, ambient light is at a much higher value then you would usually have and ambient strength is at 2 which means it is 2 times darker than it would normally be to help visualisation. The bottom images are in a lot more realistic scenario. Looking at the top images it’s clear to see how each frame gets affected by a lower number of splits. You can see the false negatives on the top of the ball, usually having an abrupt change to a darker colour as the code realises it shouldn’t be exiting yet. You can also see from the images below that actually the difference isn’t very noticeable. If you look closely you can see the false negatives on the top of the ball from split 4 and up but only because of the abrupt change to a darker colour. In my opinion split 3 has very negligible visual changes whilst gaining 0.5 fps on split 1.</a:t>
            </a:r>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19</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243080949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2</a:t>
            </a:fld>
            <a:endParaRPr lang="en-GB"/>
          </a:p>
        </p:txBody>
      </p:sp>
      <p:sp>
        <p:nvSpPr>
          <p:cNvPr id="5" name="Date Placeholder 4">
            <a:extLst>
              <a:ext uri="{FF2B5EF4-FFF2-40B4-BE49-F238E27FC236}">
                <a16:creationId xmlns:a16="http://schemas.microsoft.com/office/drawing/2014/main" id="{E3366E7A-B1AF-4685-81B6-9A63B08DE42F}"/>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40430417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r>
              <a:rPr lang="en-GB" dirty="0"/>
              <a:t>Comparing my results to a scene in blender there are a few key differences. A main difference I think is the shadows. Mine is very dark where the shadows overlap and darker overall, whilst blender had much softer shadows, particularly the shadow to the left of the red ball. Another big difference for me is the lack of anti aliasing in my output. Both images are the same resolution but you can clearly see each pixel in my scene making edges look jagged. Some positives are that the colour of the background is very similar, meaning my PBR equations must be good, and the reflection in the mirror balls look very similar showing my reflections are working how intended.</a:t>
            </a:r>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20</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314934501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893292E-753B-7F11-E0B6-8CBFC8823A48}"/>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1B582973-AE55-D8FA-AD3C-BD9AB68809B5}"/>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42334E0-CEFB-DA48-1481-F64485A8C177}"/>
              </a:ext>
            </a:extLst>
          </p:cNvPr>
          <p:cNvSpPr>
            <a:spLocks noGrp="1"/>
          </p:cNvSpPr>
          <p:nvPr>
            <p:ph type="body" idx="1"/>
          </p:nvPr>
        </p:nvSpPr>
        <p:spPr/>
        <p:txBody>
          <a:bodyPr rtlCol="0"/>
          <a:lstStyle/>
          <a:p>
            <a:pPr rtl="0"/>
            <a:r>
              <a:rPr lang="en-GB" dirty="0"/>
              <a:t>All of these images have been my own. Thank you for watching.</a:t>
            </a:r>
          </a:p>
        </p:txBody>
      </p:sp>
      <p:sp>
        <p:nvSpPr>
          <p:cNvPr id="4" name="Slide Number Placeholder 3">
            <a:extLst>
              <a:ext uri="{FF2B5EF4-FFF2-40B4-BE49-F238E27FC236}">
                <a16:creationId xmlns:a16="http://schemas.microsoft.com/office/drawing/2014/main" id="{E45A47C1-CD2A-B493-465B-D99DA1BDAC89}"/>
              </a:ext>
            </a:extLst>
          </p:cNvPr>
          <p:cNvSpPr>
            <a:spLocks noGrp="1"/>
          </p:cNvSpPr>
          <p:nvPr>
            <p:ph type="sldNum" sz="quarter" idx="5"/>
          </p:nvPr>
        </p:nvSpPr>
        <p:spPr/>
        <p:txBody>
          <a:bodyPr rtlCol="0"/>
          <a:lstStyle/>
          <a:p>
            <a:pPr rtl="0"/>
            <a:fld id="{1983A999-5E0E-42CA-8400-604AE921FF7C}" type="slidenum">
              <a:rPr lang="en-GB" smtClean="0"/>
              <a:t>21</a:t>
            </a:fld>
            <a:endParaRPr lang="en-GB"/>
          </a:p>
        </p:txBody>
      </p:sp>
      <p:sp>
        <p:nvSpPr>
          <p:cNvPr id="5" name="Date Placeholder 4">
            <a:extLst>
              <a:ext uri="{FF2B5EF4-FFF2-40B4-BE49-F238E27FC236}">
                <a16:creationId xmlns:a16="http://schemas.microsoft.com/office/drawing/2014/main" id="{A8C8C99A-B688-0C67-2EB0-7D6033F2E957}"/>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322453114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F93A428-C288-A457-39A0-1FD3E1E4C85C}"/>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CA4BE06F-E267-1070-3D4B-F1BBFF8F89CD}"/>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BAF53C5-EA43-04D4-DA12-FEDBE5B35984}"/>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Ambient occlusion reduces ambient light at points near other objects, simulating soft shadows from indirect lighting. While AO shouldn't apply in direct light, I apply it everywhere due to not having indirect lighting.</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dirty="0"/>
          </a:p>
        </p:txBody>
      </p:sp>
      <p:sp>
        <p:nvSpPr>
          <p:cNvPr id="4" name="Slide Number Placeholder 3">
            <a:extLst>
              <a:ext uri="{FF2B5EF4-FFF2-40B4-BE49-F238E27FC236}">
                <a16:creationId xmlns:a16="http://schemas.microsoft.com/office/drawing/2014/main" id="{8CF6B545-B3AC-6846-C1C2-2085F88EC484}"/>
              </a:ext>
            </a:extLst>
          </p:cNvPr>
          <p:cNvSpPr>
            <a:spLocks noGrp="1"/>
          </p:cNvSpPr>
          <p:nvPr>
            <p:ph type="sldNum" sz="quarter" idx="5"/>
          </p:nvPr>
        </p:nvSpPr>
        <p:spPr/>
        <p:txBody>
          <a:bodyPr rtlCol="0"/>
          <a:lstStyle/>
          <a:p>
            <a:pPr rtl="0"/>
            <a:fld id="{1983A999-5E0E-42CA-8400-604AE921FF7C}" type="slidenum">
              <a:rPr lang="en-GB" smtClean="0"/>
              <a:t>3</a:t>
            </a:fld>
            <a:endParaRPr lang="en-GB"/>
          </a:p>
        </p:txBody>
      </p:sp>
      <p:sp>
        <p:nvSpPr>
          <p:cNvPr id="5" name="Date Placeholder 4">
            <a:extLst>
              <a:ext uri="{FF2B5EF4-FFF2-40B4-BE49-F238E27FC236}">
                <a16:creationId xmlns:a16="http://schemas.microsoft.com/office/drawing/2014/main" id="{45BD019D-1ADD-B827-E22B-A329D334B135}"/>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412701483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0D69268-78CF-9295-492A-EB44D2C77010}"/>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3FAB3BF-35E4-1B9F-05D1-B7C249CAE1FC}"/>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45BACBD3-8600-493F-943D-F6849FC5EA07}"/>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o calculate AO, I generate hemisphere points which are used as direction vectors, flipping any beyond 90° from the surface normal of the point we’re looking at using the dot product. If a sample hits within a range, it reduces ambient light. No hits mean full ambient light; all hits mean none. The graph shows 64 points generated by my code and put into python for visualization.</a:t>
            </a:r>
          </a:p>
        </p:txBody>
      </p:sp>
      <p:sp>
        <p:nvSpPr>
          <p:cNvPr id="4" name="Slide Number Placeholder 3">
            <a:extLst>
              <a:ext uri="{FF2B5EF4-FFF2-40B4-BE49-F238E27FC236}">
                <a16:creationId xmlns:a16="http://schemas.microsoft.com/office/drawing/2014/main" id="{622EF701-56E8-E43A-E4E5-96C97A290297}"/>
              </a:ext>
            </a:extLst>
          </p:cNvPr>
          <p:cNvSpPr>
            <a:spLocks noGrp="1"/>
          </p:cNvSpPr>
          <p:nvPr>
            <p:ph type="sldNum" sz="quarter" idx="5"/>
          </p:nvPr>
        </p:nvSpPr>
        <p:spPr/>
        <p:txBody>
          <a:bodyPr rtlCol="0"/>
          <a:lstStyle/>
          <a:p>
            <a:pPr rtl="0"/>
            <a:fld id="{1983A999-5E0E-42CA-8400-604AE921FF7C}" type="slidenum">
              <a:rPr lang="en-GB" smtClean="0"/>
              <a:t>4</a:t>
            </a:fld>
            <a:endParaRPr lang="en-GB"/>
          </a:p>
        </p:txBody>
      </p:sp>
      <p:sp>
        <p:nvSpPr>
          <p:cNvPr id="5" name="Date Placeholder 4">
            <a:extLst>
              <a:ext uri="{FF2B5EF4-FFF2-40B4-BE49-F238E27FC236}">
                <a16:creationId xmlns:a16="http://schemas.microsoft.com/office/drawing/2014/main" id="{2CA68D34-0E3E-AEE8-69F0-0B52015BE600}"/>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67446289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35B70B0-F28B-8266-6184-D8D54138BA04}"/>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67C94A8-73EA-3BB0-6450-8F0A639E8420}"/>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1F998E39-BA7D-321C-1E27-CF8F1310597E}"/>
              </a:ext>
            </a:extLst>
          </p:cNvPr>
          <p:cNvSpPr>
            <a:spLocks noGrp="1"/>
          </p:cNvSpPr>
          <p:nvPr>
            <p:ph type="body" idx="1"/>
          </p:nvPr>
        </p:nvSpPr>
        <p:spPr/>
        <p:txBody>
          <a:bodyPr rtlCol="0"/>
          <a:lstStyle/>
          <a:p>
            <a:pPr rtl="0"/>
            <a:r>
              <a:rPr lang="en-GB" dirty="0"/>
              <a:t>Initially, every point checked all samples, wasting time on empty areas. I optimized by testing smaller sample groups and stopping early if no collisions are found in a group. This improves performance but can create minor false negatives where occlusion is missed.</a:t>
            </a:r>
          </a:p>
        </p:txBody>
      </p:sp>
      <p:sp>
        <p:nvSpPr>
          <p:cNvPr id="4" name="Slide Number Placeholder 3">
            <a:extLst>
              <a:ext uri="{FF2B5EF4-FFF2-40B4-BE49-F238E27FC236}">
                <a16:creationId xmlns:a16="http://schemas.microsoft.com/office/drawing/2014/main" id="{D9BE8D92-6316-A4A9-C881-524ADC59A5B2}"/>
              </a:ext>
            </a:extLst>
          </p:cNvPr>
          <p:cNvSpPr>
            <a:spLocks noGrp="1"/>
          </p:cNvSpPr>
          <p:nvPr>
            <p:ph type="sldNum" sz="quarter" idx="5"/>
          </p:nvPr>
        </p:nvSpPr>
        <p:spPr/>
        <p:txBody>
          <a:bodyPr rtlCol="0"/>
          <a:lstStyle/>
          <a:p>
            <a:pPr rtl="0"/>
            <a:fld id="{1983A999-5E0E-42CA-8400-604AE921FF7C}" type="slidenum">
              <a:rPr lang="en-GB" smtClean="0"/>
              <a:t>5</a:t>
            </a:fld>
            <a:endParaRPr lang="en-GB"/>
          </a:p>
        </p:txBody>
      </p:sp>
      <p:sp>
        <p:nvSpPr>
          <p:cNvPr id="5" name="Date Placeholder 4">
            <a:extLst>
              <a:ext uri="{FF2B5EF4-FFF2-40B4-BE49-F238E27FC236}">
                <a16:creationId xmlns:a16="http://schemas.microsoft.com/office/drawing/2014/main" id="{94ACB93E-502B-7B99-D0AD-CCE14E4C35A7}"/>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3625151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A2E63F8-4DD5-8EE0-1088-C9DF238B037B}"/>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C6D1D614-4FFD-B9F0-2106-69B8B79AB8A0}"/>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928586D-B695-D761-1EE7-04D88911004A}"/>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he number of tasks dictates how many separate groups of pixels the screen is split up into. Those tasks are sent to the thread pool where one thread will work on one task until it is done, then that thread will start working on the next task available that isn’t already being worked on. Tasks can be set independently from threads. So a lower number of tasks than threads will theoretically simulate that number of threads, with the rest of the actual threads not having any tasks to work on.</a:t>
            </a:r>
          </a:p>
        </p:txBody>
      </p:sp>
      <p:sp>
        <p:nvSpPr>
          <p:cNvPr id="4" name="Slide Number Placeholder 3">
            <a:extLst>
              <a:ext uri="{FF2B5EF4-FFF2-40B4-BE49-F238E27FC236}">
                <a16:creationId xmlns:a16="http://schemas.microsoft.com/office/drawing/2014/main" id="{C1D1B7E4-3533-B58E-4317-675B495B63EB}"/>
              </a:ext>
            </a:extLst>
          </p:cNvPr>
          <p:cNvSpPr>
            <a:spLocks noGrp="1"/>
          </p:cNvSpPr>
          <p:nvPr>
            <p:ph type="sldNum" sz="quarter" idx="5"/>
          </p:nvPr>
        </p:nvSpPr>
        <p:spPr/>
        <p:txBody>
          <a:bodyPr rtlCol="0"/>
          <a:lstStyle/>
          <a:p>
            <a:pPr rtl="0"/>
            <a:fld id="{1983A999-5E0E-42CA-8400-604AE921FF7C}" type="slidenum">
              <a:rPr lang="en-GB" smtClean="0"/>
              <a:t>6</a:t>
            </a:fld>
            <a:endParaRPr lang="en-GB"/>
          </a:p>
        </p:txBody>
      </p:sp>
      <p:sp>
        <p:nvSpPr>
          <p:cNvPr id="5" name="Date Placeholder 4">
            <a:extLst>
              <a:ext uri="{FF2B5EF4-FFF2-40B4-BE49-F238E27FC236}">
                <a16:creationId xmlns:a16="http://schemas.microsoft.com/office/drawing/2014/main" id="{806C55C7-AC66-BBB3-4B71-920E0AEACD3B}"/>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140971119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006770A-C89A-861A-EEB8-E97F4C20200D}"/>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DE588A0-410F-8BE5-13CD-7BF72CCA1B7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58D745E6-3FAC-F12E-0F1C-646169D41AEF}"/>
              </a:ext>
            </a:extLst>
          </p:cNvPr>
          <p:cNvSpPr>
            <a:spLocks noGrp="1"/>
          </p:cNvSpPr>
          <p:nvPr>
            <p:ph type="body" idx="1"/>
          </p:nvPr>
        </p:nvSpPr>
        <p:spPr/>
        <p:txBody>
          <a:bodyPr rtlCol="0"/>
          <a:lstStyle/>
          <a:p>
            <a:pPr rtl="0"/>
            <a:r>
              <a:rPr lang="en-GB" dirty="0"/>
              <a:t>All of my test use 640 by 480 resolution, they all take the average frame time in milliseconds over 10 frames, and they were all done on a core i7- 13 7 hundred  which is a 16 core CPU with 24 logical processors. It is also worth noting that each test was done on different days, so comparing specific data values from test 1 with test 2 for example may not be reliable, but the tests with multiple data points were performed all in one go.</a:t>
            </a:r>
          </a:p>
        </p:txBody>
      </p:sp>
      <p:sp>
        <p:nvSpPr>
          <p:cNvPr id="4" name="Slide Number Placeholder 3">
            <a:extLst>
              <a:ext uri="{FF2B5EF4-FFF2-40B4-BE49-F238E27FC236}">
                <a16:creationId xmlns:a16="http://schemas.microsoft.com/office/drawing/2014/main" id="{AB78ED58-0A11-6EB8-C8C8-451649BE0359}"/>
              </a:ext>
            </a:extLst>
          </p:cNvPr>
          <p:cNvSpPr>
            <a:spLocks noGrp="1"/>
          </p:cNvSpPr>
          <p:nvPr>
            <p:ph type="sldNum" sz="quarter" idx="5"/>
          </p:nvPr>
        </p:nvSpPr>
        <p:spPr/>
        <p:txBody>
          <a:bodyPr rtlCol="0"/>
          <a:lstStyle/>
          <a:p>
            <a:pPr rtl="0"/>
            <a:fld id="{1983A999-5E0E-42CA-8400-604AE921FF7C}" type="slidenum">
              <a:rPr lang="en-GB" smtClean="0"/>
              <a:t>7</a:t>
            </a:fld>
            <a:endParaRPr lang="en-GB"/>
          </a:p>
        </p:txBody>
      </p:sp>
      <p:sp>
        <p:nvSpPr>
          <p:cNvPr id="5" name="Date Placeholder 4">
            <a:extLst>
              <a:ext uri="{FF2B5EF4-FFF2-40B4-BE49-F238E27FC236}">
                <a16:creationId xmlns:a16="http://schemas.microsoft.com/office/drawing/2014/main" id="{1C38081F-C831-7AA4-CAB8-12FFD0852B6E}"/>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47285474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F4A9955-0DB8-9450-1159-6E9B023241B9}"/>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7A946230-D42C-5D1A-F398-715337098C45}"/>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6B71903-6012-4E90-ABEC-66CBE8DEC817}"/>
              </a:ext>
            </a:extLst>
          </p:cNvPr>
          <p:cNvSpPr>
            <a:spLocks noGrp="1"/>
          </p:cNvSpPr>
          <p:nvPr>
            <p:ph type="body" idx="1"/>
          </p:nvPr>
        </p:nvSpPr>
        <p:spPr/>
        <p:txBody>
          <a:bodyPr rtlCol="0"/>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dirty="0"/>
              <a:t>Test 1 was to test how threads affect performance. I used scene 1 with 64 ambient occlusion samples at 1 split. I tested 1 to 500 threads to see the difference in frame time. I also used the same number of tasks as the number of threads so each thread has one equal portion of pixels to render.</a:t>
            </a:r>
          </a:p>
          <a:p>
            <a:pPr rtl="0"/>
            <a:endParaRPr lang="en-GB" dirty="0"/>
          </a:p>
        </p:txBody>
      </p:sp>
      <p:sp>
        <p:nvSpPr>
          <p:cNvPr id="4" name="Slide Number Placeholder 3">
            <a:extLst>
              <a:ext uri="{FF2B5EF4-FFF2-40B4-BE49-F238E27FC236}">
                <a16:creationId xmlns:a16="http://schemas.microsoft.com/office/drawing/2014/main" id="{9E64D410-B8C0-1F38-30AE-3B6D7E742D9E}"/>
              </a:ext>
            </a:extLst>
          </p:cNvPr>
          <p:cNvSpPr>
            <a:spLocks noGrp="1"/>
          </p:cNvSpPr>
          <p:nvPr>
            <p:ph type="sldNum" sz="quarter" idx="5"/>
          </p:nvPr>
        </p:nvSpPr>
        <p:spPr/>
        <p:txBody>
          <a:bodyPr rtlCol="0"/>
          <a:lstStyle/>
          <a:p>
            <a:pPr rtl="0"/>
            <a:fld id="{1983A999-5E0E-42CA-8400-604AE921FF7C}" type="slidenum">
              <a:rPr lang="en-GB" smtClean="0"/>
              <a:t>8</a:t>
            </a:fld>
            <a:endParaRPr lang="en-GB"/>
          </a:p>
        </p:txBody>
      </p:sp>
      <p:sp>
        <p:nvSpPr>
          <p:cNvPr id="5" name="Date Placeholder 4">
            <a:extLst>
              <a:ext uri="{FF2B5EF4-FFF2-40B4-BE49-F238E27FC236}">
                <a16:creationId xmlns:a16="http://schemas.microsoft.com/office/drawing/2014/main" id="{88653325-A911-34E6-3C09-57A47E3A0B72}"/>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250579996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A36905B-D7A7-9B12-9A9D-40F997953D5A}"/>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114E7AC-11FD-E6B8-6155-F0AB7940E6F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94024C3-86AC-E45C-9801-39DB0B679B15}"/>
              </a:ext>
            </a:extLst>
          </p:cNvPr>
          <p:cNvSpPr>
            <a:spLocks noGrp="1"/>
          </p:cNvSpPr>
          <p:nvPr>
            <p:ph type="body" idx="1"/>
          </p:nvPr>
        </p:nvSpPr>
        <p:spPr/>
        <p:txBody>
          <a:bodyPr rtlCol="0"/>
          <a:lstStyle/>
          <a:p>
            <a:pPr rtl="0"/>
            <a:r>
              <a:rPr lang="en-GB" dirty="0"/>
              <a:t>As you can see there is an initial steep fall off in frames with 1 thread taking 1906 milliseconds and 2 threads taking 1042 milliseconds. The graph starts to level out at around 8 threads.</a:t>
            </a:r>
          </a:p>
        </p:txBody>
      </p:sp>
      <p:sp>
        <p:nvSpPr>
          <p:cNvPr id="4" name="Slide Number Placeholder 3">
            <a:extLst>
              <a:ext uri="{FF2B5EF4-FFF2-40B4-BE49-F238E27FC236}">
                <a16:creationId xmlns:a16="http://schemas.microsoft.com/office/drawing/2014/main" id="{B9E47A11-9356-5231-0E3A-513A664050F0}"/>
              </a:ext>
            </a:extLst>
          </p:cNvPr>
          <p:cNvSpPr>
            <a:spLocks noGrp="1"/>
          </p:cNvSpPr>
          <p:nvPr>
            <p:ph type="sldNum" sz="quarter" idx="5"/>
          </p:nvPr>
        </p:nvSpPr>
        <p:spPr/>
        <p:txBody>
          <a:bodyPr rtlCol="0"/>
          <a:lstStyle/>
          <a:p>
            <a:pPr rtl="0"/>
            <a:fld id="{1983A999-5E0E-42CA-8400-604AE921FF7C}" type="slidenum">
              <a:rPr lang="en-GB" smtClean="0"/>
              <a:t>9</a:t>
            </a:fld>
            <a:endParaRPr lang="en-GB"/>
          </a:p>
        </p:txBody>
      </p:sp>
      <p:sp>
        <p:nvSpPr>
          <p:cNvPr id="5" name="Date Placeholder 4">
            <a:extLst>
              <a:ext uri="{FF2B5EF4-FFF2-40B4-BE49-F238E27FC236}">
                <a16:creationId xmlns:a16="http://schemas.microsoft.com/office/drawing/2014/main" id="{E113B8A0-9D15-CAB9-C19A-D2B13AB34A90}"/>
              </a:ext>
            </a:extLst>
          </p:cNvPr>
          <p:cNvSpPr>
            <a:spLocks noGrp="1"/>
          </p:cNvSpPr>
          <p:nvPr>
            <p:ph type="dt" idx="1"/>
          </p:nvPr>
        </p:nvSpPr>
        <p:spPr/>
        <p:txBody>
          <a:bodyPr/>
          <a:lstStyle/>
          <a:p>
            <a:pPr rtl="0"/>
            <a:fld id="{B9FA1D35-9279-4503-AA65-44459462ED41}" type="datetime1">
              <a:rPr lang="en-GB" smtClean="0"/>
              <a:t>18/12/2024</a:t>
            </a:fld>
            <a:endParaRPr lang="en-GB"/>
          </a:p>
        </p:txBody>
      </p:sp>
    </p:spTree>
    <p:extLst>
      <p:ext uri="{BB962C8B-B14F-4D97-AF65-F5344CB8AC3E}">
        <p14:creationId xmlns:p14="http://schemas.microsoft.com/office/powerpoint/2010/main" val="179419831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Title">
    <p:spTree>
      <p:nvGrpSpPr>
        <p:cNvPr id="1" name=""/>
        <p:cNvGrpSpPr/>
        <p:nvPr/>
      </p:nvGrpSpPr>
      <p:grpSpPr>
        <a:xfrm>
          <a:off x="0" y="0"/>
          <a:ext cx="0" cy="0"/>
          <a:chOff x="0" y="0"/>
          <a:chExt cx="0" cy="0"/>
        </a:xfrm>
      </p:grpSpPr>
      <p:sp>
        <p:nvSpPr>
          <p:cNvPr id="6" name="Title 1">
            <a:extLst>
              <a:ext uri="{FF2B5EF4-FFF2-40B4-BE49-F238E27FC236}">
                <a16:creationId xmlns:a16="http://schemas.microsoft.com/office/drawing/2014/main" id="{9E68F591-F3C7-4872-BBA0-0693794F4F11}"/>
              </a:ext>
            </a:extLst>
          </p:cNvPr>
          <p:cNvSpPr>
            <a:spLocks noGrp="1"/>
          </p:cNvSpPr>
          <p:nvPr>
            <p:ph type="ctrTitle" hasCustomPrompt="1"/>
          </p:nvPr>
        </p:nvSpPr>
        <p:spPr>
          <a:xfrm>
            <a:off x="7999414" y="1051551"/>
            <a:ext cx="3565524" cy="2384898"/>
          </a:xfrm>
        </p:spPr>
        <p:txBody>
          <a:bodyPr rtlCol="0" anchor="b" anchorCtr="0">
            <a:noAutofit/>
          </a:bodyPr>
          <a:lstStyle/>
          <a:p>
            <a:pPr rtl="0"/>
            <a:r>
              <a:rPr lang="en-GB" sz="4800"/>
              <a:t>3DFloat</a:t>
            </a:r>
          </a:p>
        </p:txBody>
      </p:sp>
      <p:sp>
        <p:nvSpPr>
          <p:cNvPr id="14" name="Picture Placeholder 13">
            <a:extLst>
              <a:ext uri="{FF2B5EF4-FFF2-40B4-BE49-F238E27FC236}">
                <a16:creationId xmlns:a16="http://schemas.microsoft.com/office/drawing/2014/main" id="{967766A8-18D5-4391-8DB7-7BFF6427636C}"/>
              </a:ext>
            </a:extLst>
          </p:cNvPr>
          <p:cNvSpPr>
            <a:spLocks noGrp="1"/>
          </p:cNvSpPr>
          <p:nvPr>
            <p:ph type="pic" sz="quarter" idx="13"/>
          </p:nvPr>
        </p:nvSpPr>
        <p:spPr>
          <a:xfrm>
            <a:off x="0" y="0"/>
            <a:ext cx="7452360" cy="6858000"/>
          </a:xfrm>
          <a:solidFill>
            <a:schemeClr val="accent5"/>
          </a:solidFill>
        </p:spPr>
        <p:txBody>
          <a:bodyPr rtlCol="0">
            <a:noAutofit/>
          </a:bodyPr>
          <a:lstStyle/>
          <a:p>
            <a:pPr rtl="0"/>
            <a:r>
              <a:rPr lang="en-US"/>
              <a:t>Click icon to add picture</a:t>
            </a:r>
            <a:endParaRPr lang="en-GB"/>
          </a:p>
        </p:txBody>
      </p:sp>
      <p:sp>
        <p:nvSpPr>
          <p:cNvPr id="8" name="Oval 7">
            <a:extLst>
              <a:ext uri="{FF2B5EF4-FFF2-40B4-BE49-F238E27FC236}">
                <a16:creationId xmlns:a16="http://schemas.microsoft.com/office/drawing/2014/main" id="{938AD48E-7D67-4BE9-97B6-DB64DE5253B9}"/>
              </a:ext>
              <a:ext uri="{C183D7F6-B498-43B3-948B-1728B52AA6E4}">
                <adec:decorative xmlns:adec="http://schemas.microsoft.com/office/drawing/2017/decorative" val="1"/>
              </a:ext>
            </a:extLst>
          </p:cNvPr>
          <p:cNvSpPr>
            <a:spLocks noChangeAspect="1"/>
          </p:cNvSpPr>
          <p:nvPr userDrawn="1"/>
        </p:nvSpPr>
        <p:spPr>
          <a:xfrm>
            <a:off x="7999413" y="445272"/>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9" name="Group 8">
            <a:extLst>
              <a:ext uri="{FF2B5EF4-FFF2-40B4-BE49-F238E27FC236}">
                <a16:creationId xmlns:a16="http://schemas.microsoft.com/office/drawing/2014/main" id="{EB6FF8E2-165B-49EB-8120-14190F9491BC}"/>
              </a:ext>
              <a:ext uri="{C183D7F6-B498-43B3-948B-1728B52AA6E4}">
                <adec:decorative xmlns:adec="http://schemas.microsoft.com/office/drawing/2017/decorative" val="1"/>
              </a:ext>
            </a:extLst>
          </p:cNvPr>
          <p:cNvGrpSpPr/>
          <p:nvPr userDrawn="1"/>
        </p:nvGrpSpPr>
        <p:grpSpPr>
          <a:xfrm rot="5400000">
            <a:off x="10915300" y="5534727"/>
            <a:ext cx="667802" cy="631474"/>
            <a:chOff x="10478914" y="1506691"/>
            <a:chExt cx="667802" cy="631474"/>
          </a:xfrm>
        </p:grpSpPr>
        <p:sp>
          <p:nvSpPr>
            <p:cNvPr id="10" name="Freeform: Shape 9">
              <a:extLst>
                <a:ext uri="{FF2B5EF4-FFF2-40B4-BE49-F238E27FC236}">
                  <a16:creationId xmlns:a16="http://schemas.microsoft.com/office/drawing/2014/main" id="{79B763A7-EE7D-4306-8306-01E8C86E6350}"/>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Oval 10">
              <a:extLst>
                <a:ext uri="{FF2B5EF4-FFF2-40B4-BE49-F238E27FC236}">
                  <a16:creationId xmlns:a16="http://schemas.microsoft.com/office/drawing/2014/main" id="{4B3A935F-6844-4FCE-B0AE-5492715A58F1}"/>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3" name="Text Placeholder 2">
            <a:extLst>
              <a:ext uri="{FF2B5EF4-FFF2-40B4-BE49-F238E27FC236}">
                <a16:creationId xmlns:a16="http://schemas.microsoft.com/office/drawing/2014/main" id="{5B16EB97-6E8A-4B50-8701-7CB158044DCA}"/>
              </a:ext>
            </a:extLst>
          </p:cNvPr>
          <p:cNvSpPr>
            <a:spLocks noGrp="1"/>
          </p:cNvSpPr>
          <p:nvPr>
            <p:ph type="body" sz="quarter" idx="14"/>
          </p:nvPr>
        </p:nvSpPr>
        <p:spPr>
          <a:xfrm>
            <a:off x="7999413" y="3568700"/>
            <a:ext cx="3565524" cy="1731963"/>
          </a:xfrm>
        </p:spPr>
        <p:txBody>
          <a:bodyPr rtlCol="0">
            <a:noAutofit/>
          </a:bodyPr>
          <a:lstStyle>
            <a:lvl1pPr>
              <a:buNone/>
              <a:defRPr sz="2000"/>
            </a:lvl1pPr>
            <a:lvl2pPr>
              <a:buNone/>
              <a:defRPr sz="2000"/>
            </a:lvl2pPr>
            <a:lvl3pPr>
              <a:buNone/>
              <a:defRPr sz="2000"/>
            </a:lvl3pPr>
            <a:lvl4pPr>
              <a:buNone/>
              <a:defRPr sz="2000"/>
            </a:lvl4pPr>
            <a:lvl5pPr>
              <a:buNone/>
              <a:defRPr sz="2000"/>
            </a:lvl5pPr>
          </a:lstStyle>
          <a:p>
            <a:pPr lvl="0" rtl="0"/>
            <a:r>
              <a:rPr lang="en-US"/>
              <a:t>Click to edit Master text styles</a:t>
            </a:r>
          </a:p>
        </p:txBody>
      </p:sp>
    </p:spTree>
    <p:extLst>
      <p:ext uri="{BB962C8B-B14F-4D97-AF65-F5344CB8AC3E}">
        <p14:creationId xmlns:p14="http://schemas.microsoft.com/office/powerpoint/2010/main" val="60094885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1_Content 3 column">
    <p:spTree>
      <p:nvGrpSpPr>
        <p:cNvPr id="1" name=""/>
        <p:cNvGrpSpPr/>
        <p:nvPr/>
      </p:nvGrpSpPr>
      <p:grpSpPr>
        <a:xfrm>
          <a:off x="0" y="0"/>
          <a:ext cx="0" cy="0"/>
          <a:chOff x="0" y="0"/>
          <a:chExt cx="0" cy="0"/>
        </a:xfrm>
      </p:grpSpPr>
      <p:grpSp>
        <p:nvGrpSpPr>
          <p:cNvPr id="34" name="Group 33">
            <a:extLst>
              <a:ext uri="{FF2B5EF4-FFF2-40B4-BE49-F238E27FC236}">
                <a16:creationId xmlns:a16="http://schemas.microsoft.com/office/drawing/2014/main" id="{79DE9FAB-6BBA-4CFE-B67D-77B47F01ECA4}"/>
              </a:ext>
              <a:ext uri="{C183D7F6-B498-43B3-948B-1728B52AA6E4}">
                <adec:decorative xmlns:adec="http://schemas.microsoft.com/office/drawing/2017/decorative" val="1"/>
              </a:ext>
            </a:extLst>
          </p:cNvPr>
          <p:cNvGrpSpPr/>
          <p:nvPr/>
        </p:nvGrpSpPr>
        <p:grpSpPr>
          <a:xfrm>
            <a:off x="137931" y="5260967"/>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19" name="Freeform: Shape 18">
            <a:extLst>
              <a:ext uri="{FF2B5EF4-FFF2-40B4-BE49-F238E27FC236}">
                <a16:creationId xmlns:a16="http://schemas.microsoft.com/office/drawing/2014/main" id="{82184FF4-7029-4ED7-813A-192E60608764}"/>
              </a:ext>
              <a:ext uri="{C183D7F6-B498-43B3-948B-1728B52AA6E4}">
                <adec:decorative xmlns:adec="http://schemas.microsoft.com/office/drawing/2017/decorative" val="1"/>
              </a:ext>
            </a:extLst>
          </p:cNvPr>
          <p:cNvSpPr>
            <a:spLocks noChangeAspect="1"/>
          </p:cNvSpPr>
          <p:nvPr/>
        </p:nvSpPr>
        <p:spPr>
          <a:xfrm rot="2700000">
            <a:off x="10834944" y="17126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0" name="Oval 19">
            <a:extLst>
              <a:ext uri="{FF2B5EF4-FFF2-40B4-BE49-F238E27FC236}">
                <a16:creationId xmlns:a16="http://schemas.microsoft.com/office/drawing/2014/main" id="{AAA7AB09-557C-41AD-9113-FF9F68FA1035}"/>
              </a:ext>
              <a:ext uri="{C183D7F6-B498-43B3-948B-1728B52AA6E4}">
                <adec:decorative xmlns:adec="http://schemas.microsoft.com/office/drawing/2017/decorative" val="1"/>
              </a:ext>
            </a:extLst>
          </p:cNvPr>
          <p:cNvSpPr/>
          <p:nvPr/>
        </p:nvSpPr>
        <p:spPr>
          <a:xfrm rot="8100000">
            <a:off x="10849344" y="51834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5" name="Oval 24">
            <a:extLst>
              <a:ext uri="{FF2B5EF4-FFF2-40B4-BE49-F238E27FC236}">
                <a16:creationId xmlns:a16="http://schemas.microsoft.com/office/drawing/2014/main" id="{EF99ECAA-1F11-4937-BBA6-51935AB44C9D}"/>
              </a:ext>
              <a:ext uri="{C183D7F6-B498-43B3-948B-1728B52AA6E4}">
                <adec:decorative xmlns:adec="http://schemas.microsoft.com/office/drawing/2017/decorative" val="1"/>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5" name="Title 1">
            <a:extLst>
              <a:ext uri="{FF2B5EF4-FFF2-40B4-BE49-F238E27FC236}">
                <a16:creationId xmlns:a16="http://schemas.microsoft.com/office/drawing/2014/main" id="{EBCCE83C-72C8-4181-8D03-7CFB23A6FF2D}"/>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GB" sz="4800" dirty="0"/>
            </a:lvl1pPr>
          </a:lstStyle>
          <a:p>
            <a:pPr lvl="0" rtl="0">
              <a:lnSpc>
                <a:spcPct val="100000"/>
              </a:lnSpc>
            </a:pPr>
            <a:r>
              <a:rPr lang="en-US"/>
              <a:t>Click to edit Master title style</a:t>
            </a:r>
            <a:endParaRPr lang="en-GB"/>
          </a:p>
        </p:txBody>
      </p:sp>
      <p:sp>
        <p:nvSpPr>
          <p:cNvPr id="16" name="Text Placeholder 2">
            <a:extLst>
              <a:ext uri="{FF2B5EF4-FFF2-40B4-BE49-F238E27FC236}">
                <a16:creationId xmlns:a16="http://schemas.microsoft.com/office/drawing/2014/main" id="{C6FCDFCC-38D1-43A4-918F-491DBA6B2CF6}"/>
              </a:ext>
            </a:extLst>
          </p:cNvPr>
          <p:cNvSpPr>
            <a:spLocks noGrp="1"/>
          </p:cNvSpPr>
          <p:nvPr>
            <p:ph type="body" idx="1"/>
          </p:nvPr>
        </p:nvSpPr>
        <p:spPr>
          <a:xfrm>
            <a:off x="550864" y="1731375"/>
            <a:ext cx="3563936" cy="535354"/>
          </a:xfrm>
        </p:spPr>
        <p:txBody>
          <a:bodyPr rtlCol="0" anchor="b">
            <a:noAutofit/>
          </a:bodyPr>
          <a:lstStyle>
            <a:lvl1pPr marL="0" indent="0">
              <a:buNone/>
              <a:defRPr sz="20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a:t>Click to edit Master text styles</a:t>
            </a:r>
          </a:p>
        </p:txBody>
      </p:sp>
      <p:sp>
        <p:nvSpPr>
          <p:cNvPr id="17" name="Content Placeholder 3">
            <a:extLst>
              <a:ext uri="{FF2B5EF4-FFF2-40B4-BE49-F238E27FC236}">
                <a16:creationId xmlns:a16="http://schemas.microsoft.com/office/drawing/2014/main" id="{8A9CB740-8581-4D62-8481-7ECBBEDA7219}"/>
              </a:ext>
            </a:extLst>
          </p:cNvPr>
          <p:cNvSpPr>
            <a:spLocks noGrp="1"/>
          </p:cNvSpPr>
          <p:nvPr>
            <p:ph sz="half" idx="2"/>
          </p:nvPr>
        </p:nvSpPr>
        <p:spPr>
          <a:xfrm>
            <a:off x="559476" y="2432304"/>
            <a:ext cx="3563936" cy="3515555"/>
          </a:xfrm>
        </p:spPr>
        <p:txBody>
          <a:bodyPr rtlCol="0">
            <a:noAutofit/>
          </a:bodyPr>
          <a:lstStyle>
            <a:lvl1pPr>
              <a:defRPr sz="1800"/>
            </a:lvl1pPr>
            <a:lvl2pPr>
              <a:defRPr sz="1800"/>
            </a:lvl2pPr>
            <a:lvl3pPr>
              <a:defRPr sz="1800"/>
            </a:lvl3pPr>
            <a:lvl4pPr>
              <a:defRPr sz="1800"/>
            </a:lvl4pPr>
            <a:lvl5pPr>
              <a:defRPr sz="18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22" name="Text Placeholder 4">
            <a:extLst>
              <a:ext uri="{FF2B5EF4-FFF2-40B4-BE49-F238E27FC236}">
                <a16:creationId xmlns:a16="http://schemas.microsoft.com/office/drawing/2014/main" id="{AB16E493-D962-46EC-BBB8-D7E68A640438}"/>
              </a:ext>
            </a:extLst>
          </p:cNvPr>
          <p:cNvSpPr>
            <a:spLocks noGrp="1"/>
          </p:cNvSpPr>
          <p:nvPr>
            <p:ph type="body" sz="quarter" idx="13"/>
          </p:nvPr>
        </p:nvSpPr>
        <p:spPr>
          <a:xfrm>
            <a:off x="4341573" y="1731375"/>
            <a:ext cx="3566160" cy="535354"/>
          </a:xfrm>
        </p:spPr>
        <p:txBody>
          <a:bodyPr vert="horz" wrap="square" lIns="0" tIns="0" rIns="0" bIns="0" rtlCol="0" anchor="b">
            <a:noAutofit/>
          </a:bodyPr>
          <a:lstStyle>
            <a:lvl1pPr>
              <a:buNone/>
              <a:defRPr lang="en-GB" sz="2000" b="0" cap="all" spc="200" baseline="0" dirty="0">
                <a:solidFill>
                  <a:schemeClr val="tx1"/>
                </a:solidFill>
              </a:defRPr>
            </a:lvl1pPr>
          </a:lstStyle>
          <a:p>
            <a:pPr marL="228600" lvl="0" indent="-228600" rtl="0"/>
            <a:r>
              <a:rPr lang="en-US"/>
              <a:t>Click to edit Master text styles</a:t>
            </a:r>
          </a:p>
        </p:txBody>
      </p:sp>
      <p:sp>
        <p:nvSpPr>
          <p:cNvPr id="23" name="Content Placeholder 5">
            <a:extLst>
              <a:ext uri="{FF2B5EF4-FFF2-40B4-BE49-F238E27FC236}">
                <a16:creationId xmlns:a16="http://schemas.microsoft.com/office/drawing/2014/main" id="{88CC7C67-1BA6-42A6-B9D3-8EDF70A3DB38}"/>
              </a:ext>
            </a:extLst>
          </p:cNvPr>
          <p:cNvSpPr>
            <a:spLocks noGrp="1"/>
          </p:cNvSpPr>
          <p:nvPr>
            <p:ph sz="quarter" idx="14"/>
          </p:nvPr>
        </p:nvSpPr>
        <p:spPr>
          <a:xfrm>
            <a:off x="4341573" y="2427370"/>
            <a:ext cx="3508755" cy="3515555"/>
          </a:xfrm>
        </p:spPr>
        <p:txBody>
          <a:bodyPr rtlCol="0">
            <a:noAutofit/>
          </a:bodyPr>
          <a:lstStyle>
            <a:lvl1pPr>
              <a:defRPr sz="1700"/>
            </a:lvl1pPr>
            <a:lvl2pPr>
              <a:defRPr sz="1700"/>
            </a:lvl2pPr>
            <a:lvl3pPr>
              <a:defRPr sz="1700"/>
            </a:lvl3pPr>
            <a:lvl4pPr>
              <a:defRPr sz="1700"/>
            </a:lvl4pPr>
            <a:lvl5pPr>
              <a:defRPr sz="17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18" name="Text Placeholder 4">
            <a:extLst>
              <a:ext uri="{FF2B5EF4-FFF2-40B4-BE49-F238E27FC236}">
                <a16:creationId xmlns:a16="http://schemas.microsoft.com/office/drawing/2014/main" id="{C17092A6-D0E6-4EF2-B3B8-AE35438D4D77}"/>
              </a:ext>
            </a:extLst>
          </p:cNvPr>
          <p:cNvSpPr>
            <a:spLocks noGrp="1"/>
          </p:cNvSpPr>
          <p:nvPr>
            <p:ph type="body" sz="quarter" idx="3" hasCustomPrompt="1"/>
          </p:nvPr>
        </p:nvSpPr>
        <p:spPr>
          <a:xfrm>
            <a:off x="8139659" y="1731375"/>
            <a:ext cx="3566160" cy="535354"/>
          </a:xfrm>
        </p:spPr>
        <p:txBody>
          <a:bodyPr vert="horz" wrap="square" lIns="0" tIns="0" rIns="0" bIns="0" rtlCol="0" anchor="b">
            <a:noAutofit/>
          </a:bodyPr>
          <a:lstStyle>
            <a:lvl1pPr>
              <a:buNone/>
              <a:defRPr lang="en-GB" sz="2000" b="0" cap="all" spc="200" baseline="0" dirty="0">
                <a:solidFill>
                  <a:schemeClr val="tx1"/>
                </a:solidFill>
              </a:defRPr>
            </a:lvl1pPr>
          </a:lstStyle>
          <a:p>
            <a:pPr marL="228600" lvl="0" indent="-228600" rtl="0"/>
            <a:r>
              <a:rPr lang="en-GB"/>
              <a:t>Click to EDIT</a:t>
            </a:r>
          </a:p>
        </p:txBody>
      </p:sp>
      <p:sp>
        <p:nvSpPr>
          <p:cNvPr id="21" name="Content Placeholder 5">
            <a:extLst>
              <a:ext uri="{FF2B5EF4-FFF2-40B4-BE49-F238E27FC236}">
                <a16:creationId xmlns:a16="http://schemas.microsoft.com/office/drawing/2014/main" id="{4534254A-2561-400F-87CB-18A8D3538124}"/>
              </a:ext>
            </a:extLst>
          </p:cNvPr>
          <p:cNvSpPr>
            <a:spLocks noGrp="1"/>
          </p:cNvSpPr>
          <p:nvPr>
            <p:ph sz="quarter" idx="4"/>
          </p:nvPr>
        </p:nvSpPr>
        <p:spPr>
          <a:xfrm>
            <a:off x="8139659" y="2427370"/>
            <a:ext cx="3508755" cy="3515555"/>
          </a:xfrm>
        </p:spPr>
        <p:txBody>
          <a:bodyPr rtlCol="0">
            <a:noAutofit/>
          </a:bodyPr>
          <a:lstStyle>
            <a:lvl1pPr>
              <a:defRPr sz="1700"/>
            </a:lvl1pPr>
            <a:lvl2pPr>
              <a:defRPr sz="1700"/>
            </a:lvl2pPr>
            <a:lvl3pPr>
              <a:defRPr sz="1700"/>
            </a:lvl3pPr>
            <a:lvl4pPr>
              <a:defRPr sz="1700"/>
            </a:lvl4pPr>
            <a:lvl5pPr>
              <a:defRPr sz="17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2285207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2_Summary">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E949202B-67AE-417A-A336-DF5257FFDCF0}"/>
              </a:ext>
            </a:extLst>
          </p:cNvPr>
          <p:cNvSpPr>
            <a:spLocks noGrp="1"/>
          </p:cNvSpPr>
          <p:nvPr>
            <p:ph type="title"/>
          </p:nvPr>
        </p:nvSpPr>
        <p:spPr>
          <a:xfrm>
            <a:off x="550863" y="4508500"/>
            <a:ext cx="4500562" cy="1562959"/>
          </a:xfrm>
        </p:spPr>
        <p:txBody>
          <a:bodyPr wrap="square" rtlCol="0" anchor="t" anchorCtr="0">
            <a:noAutofit/>
          </a:bodyPr>
          <a:lstStyle/>
          <a:p>
            <a:pPr rtl="0"/>
            <a:r>
              <a:rPr lang="en-US"/>
              <a:t>Click to edit Master title style</a:t>
            </a:r>
            <a:endParaRPr lang="en-GB"/>
          </a:p>
        </p:txBody>
      </p:sp>
      <p:sp>
        <p:nvSpPr>
          <p:cNvPr id="10" name="Picture Placeholder 9">
            <a:extLst>
              <a:ext uri="{FF2B5EF4-FFF2-40B4-BE49-F238E27FC236}">
                <a16:creationId xmlns:a16="http://schemas.microsoft.com/office/drawing/2014/main" id="{1786D546-2834-435F-950F-DCEFE654B3B1}"/>
              </a:ext>
            </a:extLst>
          </p:cNvPr>
          <p:cNvSpPr>
            <a:spLocks noGrp="1"/>
          </p:cNvSpPr>
          <p:nvPr>
            <p:ph type="pic" sz="quarter" idx="13"/>
          </p:nvPr>
        </p:nvSpPr>
        <p:spPr>
          <a:xfrm>
            <a:off x="0" y="0"/>
            <a:ext cx="12192000" cy="3776472"/>
          </a:xfrm>
          <a:solidFill>
            <a:schemeClr val="accent5"/>
          </a:solidFill>
        </p:spPr>
        <p:txBody>
          <a:bodyPr rtlCol="0">
            <a:noAutofit/>
          </a:bodyPr>
          <a:lstStyle/>
          <a:p>
            <a:pPr rtl="0"/>
            <a:r>
              <a:rPr lang="en-US"/>
              <a:t>Click icon to add picture</a:t>
            </a:r>
            <a:endParaRPr lang="en-GB"/>
          </a:p>
        </p:txBody>
      </p:sp>
      <p:sp>
        <p:nvSpPr>
          <p:cNvPr id="7" name="Content Placeholder 6">
            <a:extLst>
              <a:ext uri="{FF2B5EF4-FFF2-40B4-BE49-F238E27FC236}">
                <a16:creationId xmlns:a16="http://schemas.microsoft.com/office/drawing/2014/main" id="{3BD763BD-EAC5-4DB8-81AF-9743BB6A9576}"/>
              </a:ext>
            </a:extLst>
          </p:cNvPr>
          <p:cNvSpPr>
            <a:spLocks noGrp="1"/>
          </p:cNvSpPr>
          <p:nvPr>
            <p:ph sz="quarter" idx="15"/>
          </p:nvPr>
        </p:nvSpPr>
        <p:spPr>
          <a:xfrm>
            <a:off x="5262411" y="4508500"/>
            <a:ext cx="6221412" cy="1563688"/>
          </a:xfrm>
        </p:spPr>
        <p:txBody>
          <a:bodyPr rtlCol="0">
            <a:noAutofit/>
          </a:bodyPr>
          <a:lstStyle>
            <a:lvl1pPr marL="0" indent="0">
              <a:buNone/>
              <a:defRPr sz="2000"/>
            </a:lvl1pPr>
            <a:lvl2pPr>
              <a:buNone/>
              <a:defRPr sz="1900"/>
            </a:lvl2pPr>
            <a:lvl3pPr>
              <a:buNone/>
              <a:defRPr sz="1900"/>
            </a:lvl3pPr>
            <a:lvl4pPr>
              <a:buNone/>
              <a:defRPr sz="1900"/>
            </a:lvl4pPr>
            <a:lvl5pPr>
              <a:buNone/>
              <a:defRPr sz="1900"/>
            </a:lvl5pPr>
          </a:lstStyle>
          <a:p>
            <a:pPr lvl="0" rtl="0"/>
            <a:r>
              <a:rPr lang="en-US"/>
              <a:t>Click to edit Master text styles</a:t>
            </a:r>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8" name="Oval 7">
            <a:extLst>
              <a:ext uri="{FF2B5EF4-FFF2-40B4-BE49-F238E27FC236}">
                <a16:creationId xmlns:a16="http://schemas.microsoft.com/office/drawing/2014/main" id="{446AF837-10C6-44A5-B8D6-960A57487B43}"/>
              </a:ext>
              <a:ext uri="{C183D7F6-B498-43B3-948B-1728B52AA6E4}">
                <adec:decorative xmlns:adec="http://schemas.microsoft.com/office/drawing/2017/decorative" val="1"/>
              </a:ext>
            </a:extLst>
          </p:cNvPr>
          <p:cNvSpPr>
            <a:spLocks noChangeAspect="1"/>
          </p:cNvSpPr>
          <p:nvPr userDrawn="1"/>
        </p:nvSpPr>
        <p:spPr>
          <a:xfrm>
            <a:off x="1225773" y="385222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42547702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3_Closing">
    <p:spTree>
      <p:nvGrpSpPr>
        <p:cNvPr id="1" name=""/>
        <p:cNvGrpSpPr/>
        <p:nvPr/>
      </p:nvGrpSpPr>
      <p:grpSpPr>
        <a:xfrm>
          <a:off x="0" y="0"/>
          <a:ext cx="0" cy="0"/>
          <a:chOff x="0" y="0"/>
          <a:chExt cx="0" cy="0"/>
        </a:xfrm>
      </p:grpSpPr>
      <p:sp>
        <p:nvSpPr>
          <p:cNvPr id="28" name="Title 1">
            <a:extLst>
              <a:ext uri="{FF2B5EF4-FFF2-40B4-BE49-F238E27FC236}">
                <a16:creationId xmlns:a16="http://schemas.microsoft.com/office/drawing/2014/main" id="{97246E34-E6EE-4BF3-A0D3-A20868B5A594}"/>
              </a:ext>
            </a:extLst>
          </p:cNvPr>
          <p:cNvSpPr>
            <a:spLocks noGrp="1"/>
          </p:cNvSpPr>
          <p:nvPr>
            <p:ph type="ctrTitle"/>
          </p:nvPr>
        </p:nvSpPr>
        <p:spPr>
          <a:xfrm>
            <a:off x="550863" y="549275"/>
            <a:ext cx="5437187" cy="2986234"/>
          </a:xfrm>
        </p:spPr>
        <p:txBody>
          <a:bodyPr rtlCol="0" anchor="b" anchorCtr="0">
            <a:noAutofit/>
          </a:bodyPr>
          <a:lstStyle/>
          <a:p>
            <a:pPr rtl="0"/>
            <a:r>
              <a:rPr lang="en-US"/>
              <a:t>Click to edit Master title style</a:t>
            </a:r>
            <a:endParaRPr lang="en-GB" dirty="0"/>
          </a:p>
        </p:txBody>
      </p:sp>
      <p:sp>
        <p:nvSpPr>
          <p:cNvPr id="31" name="Subtitle 2">
            <a:extLst>
              <a:ext uri="{FF2B5EF4-FFF2-40B4-BE49-F238E27FC236}">
                <a16:creationId xmlns:a16="http://schemas.microsoft.com/office/drawing/2014/main" id="{45BE5FFB-47D1-4474-B6CA-C3C936DF285E}"/>
              </a:ext>
            </a:extLst>
          </p:cNvPr>
          <p:cNvSpPr>
            <a:spLocks noGrp="1"/>
          </p:cNvSpPr>
          <p:nvPr>
            <p:ph type="subTitle" idx="1"/>
          </p:nvPr>
        </p:nvSpPr>
        <p:spPr>
          <a:xfrm>
            <a:off x="550863" y="3827610"/>
            <a:ext cx="5437187" cy="2265216"/>
          </a:xfrm>
        </p:spPr>
        <p:txBody>
          <a:bodyPr rtlCol="0">
            <a:noAutofit/>
          </a:bodyPr>
          <a:lstStyle>
            <a:lvl1pPr>
              <a:buNone/>
              <a:defRPr sz="2400"/>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
        <p:nvSpPr>
          <p:cNvPr id="40" name="Picture Placeholder 39">
            <a:extLst>
              <a:ext uri="{FF2B5EF4-FFF2-40B4-BE49-F238E27FC236}">
                <a16:creationId xmlns:a16="http://schemas.microsoft.com/office/drawing/2014/main" id="{008D9209-1A62-4AC3-BF92-94348A9BC06B}"/>
              </a:ext>
            </a:extLst>
          </p:cNvPr>
          <p:cNvSpPr>
            <a:spLocks noGrp="1"/>
          </p:cNvSpPr>
          <p:nvPr>
            <p:ph type="pic" sz="quarter" idx="15"/>
          </p:nvPr>
        </p:nvSpPr>
        <p:spPr>
          <a:xfrm>
            <a:off x="6556248" y="548640"/>
            <a:ext cx="5084064" cy="2880360"/>
          </a:xfrm>
          <a:solidFill>
            <a:schemeClr val="accent5"/>
          </a:solidFill>
        </p:spPr>
        <p:txBody>
          <a:bodyPr rtlCol="0">
            <a:noAutofit/>
          </a:bodyPr>
          <a:lstStyle/>
          <a:p>
            <a:pPr rtl="0"/>
            <a:r>
              <a:rPr lang="en-US"/>
              <a:t>Click icon to add picture</a:t>
            </a:r>
            <a:endParaRPr lang="en-GB" dirty="0"/>
          </a:p>
        </p:txBody>
      </p:sp>
      <p:sp>
        <p:nvSpPr>
          <p:cNvPr id="42" name="Picture Placeholder 41">
            <a:extLst>
              <a:ext uri="{FF2B5EF4-FFF2-40B4-BE49-F238E27FC236}">
                <a16:creationId xmlns:a16="http://schemas.microsoft.com/office/drawing/2014/main" id="{FADBFB6B-1787-4549-91B6-D748C66B13C6}"/>
              </a:ext>
            </a:extLst>
          </p:cNvPr>
          <p:cNvSpPr>
            <a:spLocks noGrp="1"/>
          </p:cNvSpPr>
          <p:nvPr>
            <p:ph type="pic" sz="quarter" idx="16"/>
          </p:nvPr>
        </p:nvSpPr>
        <p:spPr>
          <a:xfrm>
            <a:off x="6556248" y="3429000"/>
            <a:ext cx="5084064" cy="2880360"/>
          </a:xfrm>
          <a:solidFill>
            <a:schemeClr val="accent5"/>
          </a:solidFill>
        </p:spPr>
        <p:txBody>
          <a:bodyPr rtlCol="0">
            <a:noAutofit/>
          </a:bodyPr>
          <a:lstStyle/>
          <a:p>
            <a:pPr rtl="0"/>
            <a:r>
              <a:rPr lang="en-US"/>
              <a:t>Click icon to add picture</a:t>
            </a:r>
            <a:endParaRPr lang="en-GB"/>
          </a:p>
        </p:txBody>
      </p:sp>
      <p:grpSp>
        <p:nvGrpSpPr>
          <p:cNvPr id="43" name="Group 42">
            <a:extLst>
              <a:ext uri="{FF2B5EF4-FFF2-40B4-BE49-F238E27FC236}">
                <a16:creationId xmlns:a16="http://schemas.microsoft.com/office/drawing/2014/main" id="{06966E3E-9B30-4375-AC9A-23256CC87D25}"/>
              </a:ext>
              <a:ext uri="{C183D7F6-B498-43B3-948B-1728B52AA6E4}">
                <adec:decorative xmlns:adec="http://schemas.microsoft.com/office/drawing/2017/decorative" val="1"/>
              </a:ext>
            </a:extLst>
          </p:cNvPr>
          <p:cNvGrpSpPr/>
          <p:nvPr userDrawn="1"/>
        </p:nvGrpSpPr>
        <p:grpSpPr>
          <a:xfrm>
            <a:off x="11161347" y="125399"/>
            <a:ext cx="1404698" cy="1155641"/>
            <a:chOff x="11161347" y="125399"/>
            <a:chExt cx="1404698" cy="1155641"/>
          </a:xfrm>
        </p:grpSpPr>
        <p:sp>
          <p:nvSpPr>
            <p:cNvPr id="44" name="Freeform: Shape 43">
              <a:extLst>
                <a:ext uri="{FF2B5EF4-FFF2-40B4-BE49-F238E27FC236}">
                  <a16:creationId xmlns:a16="http://schemas.microsoft.com/office/drawing/2014/main" id="{4EBBC5A2-A37E-47DF-9230-9A75067F1883}"/>
                </a:ext>
              </a:extLst>
            </p:cNvPr>
            <p:cNvSpPr>
              <a:spLocks noChangeAspect="1"/>
            </p:cNvSpPr>
            <p:nvPr/>
          </p:nvSpPr>
          <p:spPr>
            <a:xfrm rot="18900000">
              <a:off x="11161347" y="125399"/>
              <a:ext cx="1341675" cy="926985"/>
            </a:xfrm>
            <a:custGeom>
              <a:avLst/>
              <a:gdLst>
                <a:gd name="connsiteX0" fmla="*/ 1049126 w 1341675"/>
                <a:gd name="connsiteY0" fmla="*/ 8962 h 926985"/>
                <a:gd name="connsiteX1" fmla="*/ 1341675 w 1341675"/>
                <a:gd name="connsiteY1" fmla="*/ 301511 h 926985"/>
                <a:gd name="connsiteX2" fmla="*/ 1130649 w 1341675"/>
                <a:gd name="connsiteY2" fmla="*/ 512537 h 926985"/>
                <a:gd name="connsiteX3" fmla="*/ 1107397 w 1341675"/>
                <a:gd name="connsiteY3" fmla="*/ 499917 h 926985"/>
                <a:gd name="connsiteX4" fmla="*/ 926985 w 1341675"/>
                <a:gd name="connsiteY4" fmla="*/ 463493 h 926985"/>
                <a:gd name="connsiteX5" fmla="*/ 463493 w 1341675"/>
                <a:gd name="connsiteY5" fmla="*/ 926985 h 926985"/>
                <a:gd name="connsiteX6" fmla="*/ 0 w 1341675"/>
                <a:gd name="connsiteY6" fmla="*/ 926985 h 926985"/>
                <a:gd name="connsiteX7" fmla="*/ 926985 w 1341675"/>
                <a:gd name="connsiteY7" fmla="*/ 0 h 926985"/>
                <a:gd name="connsiteX8" fmla="*/ 1021763 w 1341675"/>
                <a:gd name="connsiteY8" fmla="*/ 4786 h 9269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41675" h="926985">
                  <a:moveTo>
                    <a:pt x="1049126" y="8962"/>
                  </a:moveTo>
                  <a:lnTo>
                    <a:pt x="1341675" y="301511"/>
                  </a:lnTo>
                  <a:lnTo>
                    <a:pt x="1130649" y="512537"/>
                  </a:lnTo>
                  <a:lnTo>
                    <a:pt x="1107397" y="499917"/>
                  </a:lnTo>
                  <a:cubicBezTo>
                    <a:pt x="1051945" y="476462"/>
                    <a:pt x="990979" y="463493"/>
                    <a:pt x="926985" y="463493"/>
                  </a:cubicBezTo>
                  <a:cubicBezTo>
                    <a:pt x="671005" y="463493"/>
                    <a:pt x="463493" y="671005"/>
                    <a:pt x="463493" y="926985"/>
                  </a:cubicBezTo>
                  <a:lnTo>
                    <a:pt x="0" y="926985"/>
                  </a:lnTo>
                  <a:cubicBezTo>
                    <a:pt x="0" y="415026"/>
                    <a:pt x="415025" y="0"/>
                    <a:pt x="926985" y="0"/>
                  </a:cubicBezTo>
                  <a:cubicBezTo>
                    <a:pt x="958982" y="0"/>
                    <a:pt x="990601" y="1621"/>
                    <a:pt x="1021763" y="4786"/>
                  </a:cubicBezTo>
                  <a:close/>
                </a:path>
              </a:pathLst>
            </a:custGeom>
            <a:solidFill>
              <a:schemeClr val="bg2"/>
            </a:solidFill>
            <a:ln>
              <a:noFill/>
            </a:ln>
            <a:effectLst>
              <a:innerShdw blurRad="254000" dist="50800" dir="54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rtl="0"/>
              <a:endParaRPr lang="en-GB">
                <a:solidFill>
                  <a:schemeClr val="tx1"/>
                </a:solidFill>
              </a:endParaRPr>
            </a:p>
          </p:txBody>
        </p:sp>
        <p:sp>
          <p:nvSpPr>
            <p:cNvPr id="45" name="Oval 44">
              <a:extLst>
                <a:ext uri="{FF2B5EF4-FFF2-40B4-BE49-F238E27FC236}">
                  <a16:creationId xmlns:a16="http://schemas.microsoft.com/office/drawing/2014/main" id="{11781B9A-C230-4FFC-90A8-E0571B1DEDA7}"/>
                </a:ext>
              </a:extLst>
            </p:cNvPr>
            <p:cNvSpPr/>
            <p:nvPr/>
          </p:nvSpPr>
          <p:spPr>
            <a:xfrm rot="2700000">
              <a:off x="11798454" y="994196"/>
              <a:ext cx="107098" cy="466589"/>
            </a:xfrm>
            <a:prstGeom prst="ellipse">
              <a:avLst/>
            </a:prstGeom>
            <a:solidFill>
              <a:schemeClr val="bg2"/>
            </a:solidFill>
            <a:ln>
              <a:noFill/>
            </a:ln>
            <a:effectLst>
              <a:innerShdw blurRad="63500" dist="254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46" name="Freeform: Shape 45">
              <a:extLst>
                <a:ext uri="{FF2B5EF4-FFF2-40B4-BE49-F238E27FC236}">
                  <a16:creationId xmlns:a16="http://schemas.microsoft.com/office/drawing/2014/main" id="{3295925C-3570-40F1-B3CE-07D947ED4643}"/>
                </a:ext>
              </a:extLst>
            </p:cNvPr>
            <p:cNvSpPr>
              <a:spLocks noChangeAspect="1"/>
            </p:cNvSpPr>
            <p:nvPr/>
          </p:nvSpPr>
          <p:spPr>
            <a:xfrm rot="18900000">
              <a:off x="11228590" y="129580"/>
              <a:ext cx="1337455" cy="1042921"/>
            </a:xfrm>
            <a:custGeom>
              <a:avLst/>
              <a:gdLst>
                <a:gd name="connsiteX0" fmla="*/ 1084058 w 1337455"/>
                <a:gd name="connsiteY0" fmla="*/ 16081 h 1042921"/>
                <a:gd name="connsiteX1" fmla="*/ 1337455 w 1337455"/>
                <a:gd name="connsiteY1" fmla="*/ 269477 h 1042921"/>
                <a:gd name="connsiteX2" fmla="*/ 1060775 w 1337455"/>
                <a:gd name="connsiteY2" fmla="*/ 546158 h 1042921"/>
                <a:gd name="connsiteX3" fmla="*/ 1020394 w 1337455"/>
                <a:gd name="connsiteY3" fmla="*/ 532055 h 1042921"/>
                <a:gd name="connsiteX4" fmla="*/ 926985 w 1337455"/>
                <a:gd name="connsiteY4" fmla="*/ 521461 h 1042921"/>
                <a:gd name="connsiteX5" fmla="*/ 463492 w 1337455"/>
                <a:gd name="connsiteY5" fmla="*/ 1042921 h 1042921"/>
                <a:gd name="connsiteX6" fmla="*/ 0 w 1337455"/>
                <a:gd name="connsiteY6" fmla="*/ 1042921 h 1042921"/>
                <a:gd name="connsiteX7" fmla="*/ 926984 w 1337455"/>
                <a:gd name="connsiteY7" fmla="*/ 0 h 1042921"/>
                <a:gd name="connsiteX8" fmla="*/ 1021763 w 1337455"/>
                <a:gd name="connsiteY8" fmla="*/ 5384 h 1042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37455" h="1042921">
                  <a:moveTo>
                    <a:pt x="1084058" y="16081"/>
                  </a:moveTo>
                  <a:lnTo>
                    <a:pt x="1337455" y="269477"/>
                  </a:lnTo>
                  <a:lnTo>
                    <a:pt x="1060775" y="546158"/>
                  </a:lnTo>
                  <a:lnTo>
                    <a:pt x="1020394" y="532055"/>
                  </a:lnTo>
                  <a:cubicBezTo>
                    <a:pt x="990222" y="525109"/>
                    <a:pt x="958982" y="521461"/>
                    <a:pt x="926985" y="521461"/>
                  </a:cubicBezTo>
                  <a:cubicBezTo>
                    <a:pt x="671005" y="521461"/>
                    <a:pt x="463493" y="754927"/>
                    <a:pt x="463492" y="1042921"/>
                  </a:cubicBezTo>
                  <a:lnTo>
                    <a:pt x="0" y="1042921"/>
                  </a:lnTo>
                  <a:cubicBezTo>
                    <a:pt x="0" y="466932"/>
                    <a:pt x="415025" y="0"/>
                    <a:pt x="926984" y="0"/>
                  </a:cubicBezTo>
                  <a:cubicBezTo>
                    <a:pt x="958982" y="0"/>
                    <a:pt x="990600" y="1824"/>
                    <a:pt x="1021763" y="5384"/>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rtl="0"/>
              <a:endParaRPr lang="en-GB">
                <a:solidFill>
                  <a:schemeClr val="tx1"/>
                </a:solidFill>
              </a:endParaRPr>
            </a:p>
          </p:txBody>
        </p:sp>
      </p:grpSp>
      <p:grpSp>
        <p:nvGrpSpPr>
          <p:cNvPr id="15" name="Group 14">
            <a:extLst>
              <a:ext uri="{FF2B5EF4-FFF2-40B4-BE49-F238E27FC236}">
                <a16:creationId xmlns:a16="http://schemas.microsoft.com/office/drawing/2014/main" id="{394664AE-6DC5-428F-9AC4-5A8F67571F72}"/>
              </a:ext>
              <a:ext uri="{C183D7F6-B498-43B3-948B-1728B52AA6E4}">
                <adec:decorative xmlns:adec="http://schemas.microsoft.com/office/drawing/2017/decorative" val="1"/>
              </a:ext>
            </a:extLst>
          </p:cNvPr>
          <p:cNvGrpSpPr/>
          <p:nvPr userDrawn="1"/>
        </p:nvGrpSpPr>
        <p:grpSpPr>
          <a:xfrm>
            <a:off x="594036" y="5610392"/>
            <a:ext cx="667802" cy="631474"/>
            <a:chOff x="10478914" y="1506691"/>
            <a:chExt cx="667802" cy="631474"/>
          </a:xfrm>
        </p:grpSpPr>
        <p:sp>
          <p:nvSpPr>
            <p:cNvPr id="16" name="Freeform: Shape 15">
              <a:extLst>
                <a:ext uri="{FF2B5EF4-FFF2-40B4-BE49-F238E27FC236}">
                  <a16:creationId xmlns:a16="http://schemas.microsoft.com/office/drawing/2014/main" id="{8288F304-7DF7-42FB-BD6F-D575128A1DDE}"/>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1" name="Oval 20">
              <a:extLst>
                <a:ext uri="{FF2B5EF4-FFF2-40B4-BE49-F238E27FC236}">
                  <a16:creationId xmlns:a16="http://schemas.microsoft.com/office/drawing/2014/main" id="{104835D9-7DE9-4DDD-A6C2-1C526822700A}"/>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5" name="Date Placeholder 4">
            <a:extLst>
              <a:ext uri="{FF2B5EF4-FFF2-40B4-BE49-F238E27FC236}">
                <a16:creationId xmlns:a16="http://schemas.microsoft.com/office/drawing/2014/main" id="{E57D2D6F-49E8-4217-A908-2D9E43583589}"/>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591C4440-6B8D-4A24-A807-8B1302A3DFAF}"/>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76CFE189-E20B-4108-B290-244424336512}"/>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7" name="Oval 16">
            <a:extLst>
              <a:ext uri="{FF2B5EF4-FFF2-40B4-BE49-F238E27FC236}">
                <a16:creationId xmlns:a16="http://schemas.microsoft.com/office/drawing/2014/main" id="{83C43C1C-00B3-40E0-B073-B8C56206D07D}"/>
              </a:ext>
              <a:ext uri="{C183D7F6-B498-43B3-948B-1728B52AA6E4}">
                <adec:decorative xmlns:adec="http://schemas.microsoft.com/office/drawing/2017/decorative" val="1"/>
              </a:ext>
            </a:extLst>
          </p:cNvPr>
          <p:cNvSpPr>
            <a:spLocks noChangeAspect="1"/>
          </p:cNvSpPr>
          <p:nvPr userDrawn="1"/>
        </p:nvSpPr>
        <p:spPr>
          <a:xfrm>
            <a:off x="5303845" y="5427212"/>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72731911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577394-0A20-4CF6-9066-CFC2C1C9D30F}"/>
              </a:ext>
            </a:extLst>
          </p:cNvPr>
          <p:cNvSpPr>
            <a:spLocks noGrp="1"/>
          </p:cNvSpPr>
          <p:nvPr>
            <p:ph type="ctrTitle"/>
          </p:nvPr>
        </p:nvSpPr>
        <p:spPr>
          <a:xfrm>
            <a:off x="3359149" y="389840"/>
            <a:ext cx="8281987" cy="2954655"/>
          </a:xfrm>
        </p:spPr>
        <p:txBody>
          <a:bodyPr rtlCol="0" anchor="t" anchorCtr="0">
            <a:noAutofit/>
          </a:bodyPr>
          <a:lstStyle>
            <a:lvl1pPr algn="l">
              <a:lnSpc>
                <a:spcPct val="100000"/>
              </a:lnSpc>
              <a:defRPr sz="6400"/>
            </a:lvl1pPr>
          </a:lstStyle>
          <a:p>
            <a:pPr rtl="0"/>
            <a:r>
              <a:rPr lang="en-US"/>
              <a:t>Click to edit Master title style</a:t>
            </a:r>
            <a:endParaRPr lang="en-GB" dirty="0"/>
          </a:p>
        </p:txBody>
      </p:sp>
      <p:sp>
        <p:nvSpPr>
          <p:cNvPr id="3" name="Subtitle 2">
            <a:extLst>
              <a:ext uri="{FF2B5EF4-FFF2-40B4-BE49-F238E27FC236}">
                <a16:creationId xmlns:a16="http://schemas.microsoft.com/office/drawing/2014/main" id="{3F10971F-8922-4B23-9C80-0643D7E35026}"/>
              </a:ext>
            </a:extLst>
          </p:cNvPr>
          <p:cNvSpPr>
            <a:spLocks noGrp="1"/>
          </p:cNvSpPr>
          <p:nvPr>
            <p:ph type="subTitle" idx="1"/>
          </p:nvPr>
        </p:nvSpPr>
        <p:spPr>
          <a:xfrm>
            <a:off x="3359149" y="3536951"/>
            <a:ext cx="8281989" cy="2555874"/>
          </a:xfrm>
        </p:spPr>
        <p:txBody>
          <a:bodyPr rtlCol="0">
            <a:noAutofit/>
          </a:bodyPr>
          <a:lstStyle>
            <a:lvl1pPr marL="0" indent="0" algn="l">
              <a:lnSpc>
                <a:spcPct val="100000"/>
              </a:lnSpc>
              <a:buNone/>
              <a:defRPr sz="2400">
                <a:solidFill>
                  <a:schemeClr val="tx1">
                    <a:alpha val="80000"/>
                  </a:schemeClr>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en-US"/>
              <a:t>Click to edit Master subtitle style</a:t>
            </a:r>
            <a:endParaRPr lang="en-GB" dirty="0"/>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9" name="Freeform: Shape 18">
            <a:extLst>
              <a:ext uri="{FF2B5EF4-FFF2-40B4-BE49-F238E27FC236}">
                <a16:creationId xmlns:a16="http://schemas.microsoft.com/office/drawing/2014/main" id="{82184FF4-7029-4ED7-813A-192E60608764}"/>
              </a:ext>
            </a:extLst>
          </p:cNvPr>
          <p:cNvSpPr>
            <a:spLocks noChangeAspect="1"/>
          </p:cNvSpPr>
          <p:nvPr/>
        </p:nvSpPr>
        <p:spPr>
          <a:xfrm rot="2700000">
            <a:off x="612445" y="48188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0" name="Oval 19">
            <a:extLst>
              <a:ext uri="{FF2B5EF4-FFF2-40B4-BE49-F238E27FC236}">
                <a16:creationId xmlns:a16="http://schemas.microsoft.com/office/drawing/2014/main" id="{AAA7AB09-557C-41AD-9113-FF9F68FA1035}"/>
              </a:ext>
            </a:extLst>
          </p:cNvPr>
          <p:cNvSpPr/>
          <p:nvPr/>
        </p:nvSpPr>
        <p:spPr>
          <a:xfrm rot="8100000">
            <a:off x="626845" y="82896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5" name="Oval 24">
            <a:extLst>
              <a:ext uri="{FF2B5EF4-FFF2-40B4-BE49-F238E27FC236}">
                <a16:creationId xmlns:a16="http://schemas.microsoft.com/office/drawing/2014/main" id="{EF99ECAA-1F11-4937-BBA6-51935AB44C9D}"/>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34" name="Group 33">
            <a:extLst>
              <a:ext uri="{FF2B5EF4-FFF2-40B4-BE49-F238E27FC236}">
                <a16:creationId xmlns:a16="http://schemas.microsoft.com/office/drawing/2014/main" id="{79DE9FAB-6BBA-4CFE-B67D-77B47F01ECA4}"/>
              </a:ext>
            </a:extLst>
          </p:cNvPr>
          <p:cNvGrpSpPr/>
          <p:nvPr/>
        </p:nvGrpSpPr>
        <p:grpSpPr>
          <a:xfrm>
            <a:off x="1329952" y="4524379"/>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Tree>
    <p:extLst>
      <p:ext uri="{BB962C8B-B14F-4D97-AF65-F5344CB8AC3E}">
        <p14:creationId xmlns:p14="http://schemas.microsoft.com/office/powerpoint/2010/main" val="341236291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2" name="Oval 21">
            <a:extLst>
              <a:ext uri="{FF2B5EF4-FFF2-40B4-BE49-F238E27FC236}">
                <a16:creationId xmlns:a16="http://schemas.microsoft.com/office/drawing/2014/main" id="{94729CA3-91C4-4A89-9448-A2F0E409177A}"/>
              </a:ext>
            </a:extLst>
          </p:cNvPr>
          <p:cNvSpPr>
            <a:spLocks noChangeAspect="1"/>
          </p:cNvSpPr>
          <p:nvPr/>
        </p:nvSpPr>
        <p:spPr>
          <a:xfrm>
            <a:off x="11069864" y="33337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13" name="Group 12">
            <a:extLst>
              <a:ext uri="{FF2B5EF4-FFF2-40B4-BE49-F238E27FC236}">
                <a16:creationId xmlns:a16="http://schemas.microsoft.com/office/drawing/2014/main" id="{168347B7-45FA-4A01-924D-DC385B720B3E}"/>
              </a:ext>
            </a:extLst>
          </p:cNvPr>
          <p:cNvGrpSpPr/>
          <p:nvPr/>
        </p:nvGrpSpPr>
        <p:grpSpPr>
          <a:xfrm>
            <a:off x="331786" y="5528198"/>
            <a:ext cx="631474" cy="667800"/>
            <a:chOff x="2994153" y="1378666"/>
            <a:chExt cx="631474" cy="667800"/>
          </a:xfrm>
        </p:grpSpPr>
        <p:sp>
          <p:nvSpPr>
            <p:cNvPr id="20" name="Freeform: Shape 19">
              <a:extLst>
                <a:ext uri="{FF2B5EF4-FFF2-40B4-BE49-F238E27FC236}">
                  <a16:creationId xmlns:a16="http://schemas.microsoft.com/office/drawing/2014/main" id="{31167DA1-25D1-4E60-A62E-42B6F56A96EC}"/>
                </a:ext>
              </a:extLst>
            </p:cNvPr>
            <p:cNvSpPr>
              <a:spLocks noChangeAspect="1"/>
            </p:cNvSpPr>
            <p:nvPr/>
          </p:nvSpPr>
          <p:spPr>
            <a:xfrm rot="2700000">
              <a:off x="3039890" y="1332929"/>
              <a:ext cx="540000"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1" name="Oval 20">
              <a:extLst>
                <a:ext uri="{FF2B5EF4-FFF2-40B4-BE49-F238E27FC236}">
                  <a16:creationId xmlns:a16="http://schemas.microsoft.com/office/drawing/2014/main" id="{6B7B7215-A661-477E-91D0-CDBE5564D2B9}"/>
                </a:ext>
              </a:extLst>
            </p:cNvPr>
            <p:cNvSpPr/>
            <p:nvPr/>
          </p:nvSpPr>
          <p:spPr>
            <a:xfrm rot="8100000">
              <a:off x="3047090" y="1506466"/>
              <a:ext cx="270000" cy="54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2" name="Title 1">
            <a:extLst>
              <a:ext uri="{FF2B5EF4-FFF2-40B4-BE49-F238E27FC236}">
                <a16:creationId xmlns:a16="http://schemas.microsoft.com/office/drawing/2014/main" id="{8978E540-142B-4A82-9C3F-E61BC190AEED}"/>
              </a:ext>
            </a:extLst>
          </p:cNvPr>
          <p:cNvSpPr>
            <a:spLocks noGrp="1"/>
          </p:cNvSpPr>
          <p:nvPr>
            <p:ph type="title"/>
          </p:nvPr>
        </p:nvSpPr>
        <p:spPr>
          <a:xfrm>
            <a:off x="550863" y="549275"/>
            <a:ext cx="11090274" cy="1332000"/>
          </a:xfrm>
        </p:spPr>
        <p:txBody>
          <a:bodyPr rtlCol="0">
            <a:noAutofit/>
          </a:bodyPr>
          <a:lstStyle>
            <a:lvl1pPr>
              <a:lnSpc>
                <a:spcPct val="100000"/>
              </a:lnSpc>
              <a:defRPr/>
            </a:lvl1pPr>
          </a:lstStyle>
          <a:p>
            <a:pPr rtl="0"/>
            <a:r>
              <a:rPr lang="en-US"/>
              <a:t>Click to edit Master title style</a:t>
            </a:r>
            <a:endParaRPr lang="en-GB" dirty="0"/>
          </a:p>
        </p:txBody>
      </p:sp>
      <p:sp>
        <p:nvSpPr>
          <p:cNvPr id="3" name="Content Placeholder 2">
            <a:extLst>
              <a:ext uri="{FF2B5EF4-FFF2-40B4-BE49-F238E27FC236}">
                <a16:creationId xmlns:a16="http://schemas.microsoft.com/office/drawing/2014/main" id="{02C6BF36-D4F5-4363-B440-BDAE50BBD4B6}"/>
              </a:ext>
            </a:extLst>
          </p:cNvPr>
          <p:cNvSpPr>
            <a:spLocks noGrp="1"/>
          </p:cNvSpPr>
          <p:nvPr>
            <p:ph sz="half" idx="1"/>
          </p:nvPr>
        </p:nvSpPr>
        <p:spPr>
          <a:xfrm>
            <a:off x="550862" y="2097175"/>
            <a:ext cx="5435600" cy="3995650"/>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Content Placeholder 3">
            <a:extLst>
              <a:ext uri="{FF2B5EF4-FFF2-40B4-BE49-F238E27FC236}">
                <a16:creationId xmlns:a16="http://schemas.microsoft.com/office/drawing/2014/main" id="{F8362910-87AA-4E67-992D-8D4822FD89FE}"/>
              </a:ext>
            </a:extLst>
          </p:cNvPr>
          <p:cNvSpPr>
            <a:spLocks noGrp="1"/>
          </p:cNvSpPr>
          <p:nvPr>
            <p:ph sz="half" idx="2"/>
          </p:nvPr>
        </p:nvSpPr>
        <p:spPr>
          <a:xfrm>
            <a:off x="6205538" y="2097175"/>
            <a:ext cx="5435600" cy="3995650"/>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5" name="Date Placeholder 4">
            <a:extLst>
              <a:ext uri="{FF2B5EF4-FFF2-40B4-BE49-F238E27FC236}">
                <a16:creationId xmlns:a16="http://schemas.microsoft.com/office/drawing/2014/main" id="{BB99A8AF-0998-4613-B1D8-C14ECBFFDF67}"/>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66E44EAA-B8A9-4428-A9DF-1174DA940990}"/>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19E5C381-C899-4BF9-B584-2D78074D1CB2}"/>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61716504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85833253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778B0BE9-88B0-4883-9BA9-CD594C400EC1}"/>
              </a:ext>
            </a:extLst>
          </p:cNvPr>
          <p:cNvGrpSpPr/>
          <p:nvPr/>
        </p:nvGrpSpPr>
        <p:grpSpPr>
          <a:xfrm>
            <a:off x="4949631" y="5111861"/>
            <a:ext cx="1262947" cy="1335600"/>
            <a:chOff x="2678417" y="2427951"/>
            <a:chExt cx="1262947" cy="1335600"/>
          </a:xfrm>
        </p:grpSpPr>
        <p:sp>
          <p:nvSpPr>
            <p:cNvPr id="11" name="Freeform: Shape 10">
              <a:extLst>
                <a:ext uri="{FF2B5EF4-FFF2-40B4-BE49-F238E27FC236}">
                  <a16:creationId xmlns:a16="http://schemas.microsoft.com/office/drawing/2014/main" id="{C59DCBF3-7AFA-4CD1-A918-BC6DDE674E6C}"/>
                </a:ext>
              </a:extLst>
            </p:cNvPr>
            <p:cNvSpPr>
              <a:spLocks noChangeAspect="1"/>
            </p:cNvSpPr>
            <p:nvPr/>
          </p:nvSpPr>
          <p:spPr>
            <a:xfrm rot="2700000">
              <a:off x="2769891" y="2336477"/>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2" name="Oval 11">
              <a:extLst>
                <a:ext uri="{FF2B5EF4-FFF2-40B4-BE49-F238E27FC236}">
                  <a16:creationId xmlns:a16="http://schemas.microsoft.com/office/drawing/2014/main" id="{06964A02-96E1-4654-9187-DDDE7409F75B}"/>
                </a:ext>
              </a:extLst>
            </p:cNvPr>
            <p:cNvSpPr/>
            <p:nvPr/>
          </p:nvSpPr>
          <p:spPr>
            <a:xfrm rot="8100000">
              <a:off x="2784291" y="2683551"/>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2" name="Title 1">
            <a:extLst>
              <a:ext uri="{FF2B5EF4-FFF2-40B4-BE49-F238E27FC236}">
                <a16:creationId xmlns:a16="http://schemas.microsoft.com/office/drawing/2014/main" id="{BF3FF76C-A012-4CDA-8AE7-E9413955716A}"/>
              </a:ext>
            </a:extLst>
          </p:cNvPr>
          <p:cNvSpPr>
            <a:spLocks noGrp="1"/>
          </p:cNvSpPr>
          <p:nvPr>
            <p:ph type="title"/>
          </p:nvPr>
        </p:nvSpPr>
        <p:spPr>
          <a:xfrm>
            <a:off x="550863" y="549275"/>
            <a:ext cx="11090275" cy="984885"/>
          </a:xfrm>
        </p:spPr>
        <p:txBody>
          <a:bodyPr rtlCol="0" anchor="t">
            <a:noAutofit/>
          </a:bodyPr>
          <a:lstStyle>
            <a:lvl1pPr>
              <a:lnSpc>
                <a:spcPct val="100000"/>
              </a:lnSpc>
              <a:defRPr sz="3200"/>
            </a:lvl1pPr>
          </a:lstStyle>
          <a:p>
            <a:pPr rtl="0"/>
            <a:r>
              <a:rPr lang="en-US"/>
              <a:t>Click to edit Master title style</a:t>
            </a:r>
            <a:endParaRPr lang="en-GB" dirty="0"/>
          </a:p>
        </p:txBody>
      </p:sp>
      <p:sp>
        <p:nvSpPr>
          <p:cNvPr id="3" name="Content Placeholder 2">
            <a:extLst>
              <a:ext uri="{FF2B5EF4-FFF2-40B4-BE49-F238E27FC236}">
                <a16:creationId xmlns:a16="http://schemas.microsoft.com/office/drawing/2014/main" id="{611A4C80-DC38-4641-924F-90D6078CF592}"/>
              </a:ext>
            </a:extLst>
          </p:cNvPr>
          <p:cNvSpPr>
            <a:spLocks noGrp="1"/>
          </p:cNvSpPr>
          <p:nvPr>
            <p:ph idx="1"/>
          </p:nvPr>
        </p:nvSpPr>
        <p:spPr>
          <a:xfrm>
            <a:off x="4295775" y="1750060"/>
            <a:ext cx="7345362" cy="4342765"/>
          </a:xfrm>
        </p:spPr>
        <p:txBody>
          <a:bodyPr rtlCol="0">
            <a:noAutofit/>
          </a:bodyPr>
          <a:lstStyle>
            <a:lvl1pPr>
              <a:defRPr sz="1600"/>
            </a:lvl1pPr>
            <a:lvl2pPr>
              <a:defRPr sz="1600"/>
            </a:lvl2pPr>
            <a:lvl3pPr>
              <a:defRPr sz="1600"/>
            </a:lvl3pPr>
            <a:lvl4pPr>
              <a:defRPr sz="1600"/>
            </a:lvl4pPr>
            <a:lvl5pPr>
              <a:defRPr sz="1600"/>
            </a:lvl5pPr>
            <a:lvl6pPr>
              <a:defRPr sz="2000"/>
            </a:lvl6pPr>
            <a:lvl7pPr>
              <a:defRPr sz="2000"/>
            </a:lvl7pPr>
            <a:lvl8pPr>
              <a:defRPr sz="2000"/>
            </a:lvl8pPr>
            <a:lvl9pPr>
              <a:defRPr sz="2000"/>
            </a:lvl9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Text Placeholder 3">
            <a:extLst>
              <a:ext uri="{FF2B5EF4-FFF2-40B4-BE49-F238E27FC236}">
                <a16:creationId xmlns:a16="http://schemas.microsoft.com/office/drawing/2014/main" id="{82C42771-D3A7-4072-85DC-B7C5E530E8AA}"/>
              </a:ext>
            </a:extLst>
          </p:cNvPr>
          <p:cNvSpPr>
            <a:spLocks noGrp="1"/>
          </p:cNvSpPr>
          <p:nvPr>
            <p:ph type="body" sz="half" idx="2"/>
          </p:nvPr>
        </p:nvSpPr>
        <p:spPr>
          <a:xfrm>
            <a:off x="550863" y="1750060"/>
            <a:ext cx="3565525" cy="4342765"/>
          </a:xfrm>
        </p:spPr>
        <p:txBody>
          <a:bodyPr rtlCol="0">
            <a:noAutofit/>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en-US"/>
              <a:t>Click to edit Master text styles</a:t>
            </a:r>
          </a:p>
        </p:txBody>
      </p:sp>
      <p:sp>
        <p:nvSpPr>
          <p:cNvPr id="5" name="Date Placeholder 4">
            <a:extLst>
              <a:ext uri="{FF2B5EF4-FFF2-40B4-BE49-F238E27FC236}">
                <a16:creationId xmlns:a16="http://schemas.microsoft.com/office/drawing/2014/main" id="{EBD47AB1-6EB5-4E2C-B4A7-42DC643E9FF9}"/>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5BA9D15F-B6ED-46E1-9840-0B625880EE4B}"/>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CDAEB023-7A5E-4087-B75E-A38A80EE5D0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98356284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_Agenda">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C0923D16-1EC5-4C17-ABA8-B13A1256B36F}"/>
              </a:ext>
            </a:extLst>
          </p:cNvPr>
          <p:cNvSpPr>
            <a:spLocks noGrp="1"/>
          </p:cNvSpPr>
          <p:nvPr>
            <p:ph type="title" hasCustomPrompt="1"/>
          </p:nvPr>
        </p:nvSpPr>
        <p:spPr>
          <a:xfrm>
            <a:off x="550864" y="549275"/>
            <a:ext cx="3565524" cy="1997855"/>
          </a:xfrm>
        </p:spPr>
        <p:txBody>
          <a:bodyPr wrap="square" rtlCol="0" anchor="b" anchorCtr="0">
            <a:noAutofit/>
          </a:bodyPr>
          <a:lstStyle>
            <a:lvl1pPr>
              <a:defRPr/>
            </a:lvl1pPr>
          </a:lstStyle>
          <a:p>
            <a:pPr rtl="0"/>
            <a:r>
              <a:rPr lang="en-GB"/>
              <a:t>Click to add title</a:t>
            </a:r>
          </a:p>
        </p:txBody>
      </p:sp>
      <p:sp>
        <p:nvSpPr>
          <p:cNvPr id="7" name="Content Placeholder 2">
            <a:extLst>
              <a:ext uri="{FF2B5EF4-FFF2-40B4-BE49-F238E27FC236}">
                <a16:creationId xmlns:a16="http://schemas.microsoft.com/office/drawing/2014/main" id="{50294D8B-CF64-4C26-8C78-57A375E7D33B}"/>
              </a:ext>
            </a:extLst>
          </p:cNvPr>
          <p:cNvSpPr>
            <a:spLocks noGrp="1"/>
          </p:cNvSpPr>
          <p:nvPr>
            <p:ph idx="1" hasCustomPrompt="1"/>
          </p:nvPr>
        </p:nvSpPr>
        <p:spPr>
          <a:xfrm>
            <a:off x="550863" y="2677306"/>
            <a:ext cx="3565525" cy="3415519"/>
          </a:xfrm>
        </p:spPr>
        <p:txBody>
          <a:bodyPr rtlCol="0" anchor="t" anchorCtr="0">
            <a:noAutofit/>
          </a:bodyPr>
          <a:lstStyle>
            <a:lvl1pPr>
              <a:buNone/>
              <a:defRPr/>
            </a:lvl1pPr>
          </a:lstStyle>
          <a:p>
            <a:pPr rtl="0">
              <a:lnSpc>
                <a:spcPct val="120000"/>
              </a:lnSpc>
            </a:pPr>
            <a:r>
              <a:rPr lang="en-GB" sz="1600"/>
              <a:t>Click to add text</a:t>
            </a:r>
          </a:p>
        </p:txBody>
      </p:sp>
      <p:sp>
        <p:nvSpPr>
          <p:cNvPr id="17" name="Picture Placeholder 16">
            <a:extLst>
              <a:ext uri="{FF2B5EF4-FFF2-40B4-BE49-F238E27FC236}">
                <a16:creationId xmlns:a16="http://schemas.microsoft.com/office/drawing/2014/main" id="{67BCF456-426F-435B-8DF0-A32A44F5A889}"/>
              </a:ext>
            </a:extLst>
          </p:cNvPr>
          <p:cNvSpPr>
            <a:spLocks noGrp="1"/>
          </p:cNvSpPr>
          <p:nvPr>
            <p:ph type="pic" sz="quarter" idx="13"/>
          </p:nvPr>
        </p:nvSpPr>
        <p:spPr>
          <a:xfrm>
            <a:off x="5208928" y="1596771"/>
            <a:ext cx="3448558" cy="3448558"/>
          </a:xfrm>
          <a:custGeom>
            <a:avLst/>
            <a:gdLst>
              <a:gd name="connsiteX0" fmla="*/ 1724279 w 3448558"/>
              <a:gd name="connsiteY0" fmla="*/ 0 h 3448558"/>
              <a:gd name="connsiteX1" fmla="*/ 3448558 w 3448558"/>
              <a:gd name="connsiteY1" fmla="*/ 1724279 h 3448558"/>
              <a:gd name="connsiteX2" fmla="*/ 1724279 w 3448558"/>
              <a:gd name="connsiteY2" fmla="*/ 3448558 h 3448558"/>
              <a:gd name="connsiteX3" fmla="*/ 0 w 3448558"/>
              <a:gd name="connsiteY3" fmla="*/ 1724279 h 3448558"/>
              <a:gd name="connsiteX4" fmla="*/ 1724279 w 3448558"/>
              <a:gd name="connsiteY4" fmla="*/ 0 h 344855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48558" h="3448558">
                <a:moveTo>
                  <a:pt x="1724279" y="0"/>
                </a:moveTo>
                <a:cubicBezTo>
                  <a:pt x="2676572" y="0"/>
                  <a:pt x="3448558" y="771986"/>
                  <a:pt x="3448558" y="1724279"/>
                </a:cubicBezTo>
                <a:cubicBezTo>
                  <a:pt x="3448558" y="2676572"/>
                  <a:pt x="2676572" y="3448558"/>
                  <a:pt x="1724279" y="3448558"/>
                </a:cubicBezTo>
                <a:cubicBezTo>
                  <a:pt x="771986" y="3448558"/>
                  <a:pt x="0" y="2676572"/>
                  <a:pt x="0" y="1724279"/>
                </a:cubicBezTo>
                <a:cubicBezTo>
                  <a:pt x="0" y="771986"/>
                  <a:pt x="771986" y="0"/>
                  <a:pt x="1724279"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2" name="Picture Placeholder 21">
            <a:extLst>
              <a:ext uri="{FF2B5EF4-FFF2-40B4-BE49-F238E27FC236}">
                <a16:creationId xmlns:a16="http://schemas.microsoft.com/office/drawing/2014/main" id="{4813A609-7079-46D5-9C1D-52004ABDAC9D}"/>
              </a:ext>
            </a:extLst>
          </p:cNvPr>
          <p:cNvSpPr>
            <a:spLocks noGrp="1"/>
          </p:cNvSpPr>
          <p:nvPr>
            <p:ph type="pic" sz="quarter" idx="14"/>
          </p:nvPr>
        </p:nvSpPr>
        <p:spPr>
          <a:xfrm>
            <a:off x="8918575" y="596392"/>
            <a:ext cx="2263776" cy="2263776"/>
          </a:xfrm>
          <a:custGeom>
            <a:avLst/>
            <a:gdLst>
              <a:gd name="connsiteX0" fmla="*/ 1131888 w 2263776"/>
              <a:gd name="connsiteY0" fmla="*/ 0 h 2263776"/>
              <a:gd name="connsiteX1" fmla="*/ 2263776 w 2263776"/>
              <a:gd name="connsiteY1" fmla="*/ 1131888 h 2263776"/>
              <a:gd name="connsiteX2" fmla="*/ 1131888 w 2263776"/>
              <a:gd name="connsiteY2" fmla="*/ 2263776 h 2263776"/>
              <a:gd name="connsiteX3" fmla="*/ 0 w 2263776"/>
              <a:gd name="connsiteY3" fmla="*/ 1131888 h 2263776"/>
              <a:gd name="connsiteX4" fmla="*/ 1131888 w 2263776"/>
              <a:gd name="connsiteY4" fmla="*/ 0 h 22637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263776" h="2263776">
                <a:moveTo>
                  <a:pt x="1131888" y="0"/>
                </a:moveTo>
                <a:cubicBezTo>
                  <a:pt x="1757012" y="0"/>
                  <a:pt x="2263776" y="506764"/>
                  <a:pt x="2263776" y="1131888"/>
                </a:cubicBezTo>
                <a:cubicBezTo>
                  <a:pt x="2263776" y="1757012"/>
                  <a:pt x="1757012" y="2263776"/>
                  <a:pt x="1131888" y="2263776"/>
                </a:cubicBezTo>
                <a:cubicBezTo>
                  <a:pt x="506764" y="2263776"/>
                  <a:pt x="0" y="1757012"/>
                  <a:pt x="0" y="1131888"/>
                </a:cubicBezTo>
                <a:cubicBezTo>
                  <a:pt x="0" y="506764"/>
                  <a:pt x="506764" y="0"/>
                  <a:pt x="1131888"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5" name="Picture Placeholder 24">
            <a:extLst>
              <a:ext uri="{FF2B5EF4-FFF2-40B4-BE49-F238E27FC236}">
                <a16:creationId xmlns:a16="http://schemas.microsoft.com/office/drawing/2014/main" id="{A14F21DF-D5E0-4C6C-BA2C-D69D65DBB18E}"/>
              </a:ext>
            </a:extLst>
          </p:cNvPr>
          <p:cNvSpPr>
            <a:spLocks noGrp="1"/>
          </p:cNvSpPr>
          <p:nvPr>
            <p:ph type="pic" sz="quarter" idx="15"/>
          </p:nvPr>
        </p:nvSpPr>
        <p:spPr>
          <a:xfrm>
            <a:off x="9091612" y="3324733"/>
            <a:ext cx="2936876" cy="2936876"/>
          </a:xfrm>
          <a:custGeom>
            <a:avLst/>
            <a:gdLst>
              <a:gd name="connsiteX0" fmla="*/ 1468438 w 2936876"/>
              <a:gd name="connsiteY0" fmla="*/ 0 h 2936876"/>
              <a:gd name="connsiteX1" fmla="*/ 2936876 w 2936876"/>
              <a:gd name="connsiteY1" fmla="*/ 1468438 h 2936876"/>
              <a:gd name="connsiteX2" fmla="*/ 1468438 w 2936876"/>
              <a:gd name="connsiteY2" fmla="*/ 2936876 h 2936876"/>
              <a:gd name="connsiteX3" fmla="*/ 0 w 2936876"/>
              <a:gd name="connsiteY3" fmla="*/ 1468438 h 2936876"/>
              <a:gd name="connsiteX4" fmla="*/ 1468438 w 2936876"/>
              <a:gd name="connsiteY4" fmla="*/ 0 h 29368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936876" h="2936876">
                <a:moveTo>
                  <a:pt x="1468438" y="0"/>
                </a:moveTo>
                <a:cubicBezTo>
                  <a:pt x="2279434" y="0"/>
                  <a:pt x="2936876" y="657442"/>
                  <a:pt x="2936876" y="1468438"/>
                </a:cubicBezTo>
                <a:cubicBezTo>
                  <a:pt x="2936876" y="2279434"/>
                  <a:pt x="2279434" y="2936876"/>
                  <a:pt x="1468438" y="2936876"/>
                </a:cubicBezTo>
                <a:cubicBezTo>
                  <a:pt x="657442" y="2936876"/>
                  <a:pt x="0" y="2279434"/>
                  <a:pt x="0" y="1468438"/>
                </a:cubicBezTo>
                <a:cubicBezTo>
                  <a:pt x="0" y="657442"/>
                  <a:pt x="657442" y="0"/>
                  <a:pt x="1468438"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6" name="Oval 5">
            <a:extLst>
              <a:ext uri="{FF2B5EF4-FFF2-40B4-BE49-F238E27FC236}">
                <a16:creationId xmlns:a16="http://schemas.microsoft.com/office/drawing/2014/main" id="{92FF63B4-C261-4597-9EE0-811D250B9D21}"/>
              </a:ext>
              <a:ext uri="{C183D7F6-B498-43B3-948B-1728B52AA6E4}">
                <adec:decorative xmlns:adec="http://schemas.microsoft.com/office/drawing/2017/decorative" val="1"/>
              </a:ext>
            </a:extLst>
          </p:cNvPr>
          <p:cNvSpPr>
            <a:spLocks noChangeAspect="1"/>
          </p:cNvSpPr>
          <p:nvPr userDrawn="1"/>
        </p:nvSpPr>
        <p:spPr>
          <a:xfrm>
            <a:off x="6548755" y="850167"/>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10" name="Group 9">
            <a:extLst>
              <a:ext uri="{FF2B5EF4-FFF2-40B4-BE49-F238E27FC236}">
                <a16:creationId xmlns:a16="http://schemas.microsoft.com/office/drawing/2014/main" id="{F92CF088-7F97-4A11-8A81-0EF641F6986F}"/>
              </a:ext>
              <a:ext uri="{C183D7F6-B498-43B3-948B-1728B52AA6E4}">
                <adec:decorative xmlns:adec="http://schemas.microsoft.com/office/drawing/2017/decorative" val="1"/>
              </a:ext>
            </a:extLst>
          </p:cNvPr>
          <p:cNvGrpSpPr/>
          <p:nvPr userDrawn="1"/>
        </p:nvGrpSpPr>
        <p:grpSpPr>
          <a:xfrm>
            <a:off x="5602297" y="5691007"/>
            <a:ext cx="667802" cy="631474"/>
            <a:chOff x="3409557" y="4940429"/>
            <a:chExt cx="667802" cy="631474"/>
          </a:xfrm>
        </p:grpSpPr>
        <p:sp>
          <p:nvSpPr>
            <p:cNvPr id="11" name="Freeform: Shape 10">
              <a:extLst>
                <a:ext uri="{FF2B5EF4-FFF2-40B4-BE49-F238E27FC236}">
                  <a16:creationId xmlns:a16="http://schemas.microsoft.com/office/drawing/2014/main" id="{165B23B7-CE74-4974-ABD8-BFA31D583416}"/>
                </a:ext>
              </a:extLst>
            </p:cNvPr>
            <p:cNvSpPr>
              <a:spLocks noChangeAspect="1"/>
            </p:cNvSpPr>
            <p:nvPr/>
          </p:nvSpPr>
          <p:spPr>
            <a:xfrm rot="8100000">
              <a:off x="3537358" y="4940429"/>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2" name="Oval 11">
              <a:extLst>
                <a:ext uri="{FF2B5EF4-FFF2-40B4-BE49-F238E27FC236}">
                  <a16:creationId xmlns:a16="http://schemas.microsoft.com/office/drawing/2014/main" id="{FF99BB1F-6C9D-4972-9EF4-98ACD7BE71E5}"/>
                </a:ext>
              </a:extLst>
            </p:cNvPr>
            <p:cNvSpPr/>
            <p:nvPr/>
          </p:nvSpPr>
          <p:spPr>
            <a:xfrm rot="13500000">
              <a:off x="3544558" y="4858365"/>
              <a:ext cx="270000" cy="540001"/>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dirty="0"/>
            </a:p>
          </p:txBody>
        </p:sp>
      </p:grpSp>
    </p:spTree>
    <p:extLst>
      <p:ext uri="{BB962C8B-B14F-4D97-AF65-F5344CB8AC3E}">
        <p14:creationId xmlns:p14="http://schemas.microsoft.com/office/powerpoint/2010/main" val="428412021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_Introduction">
    <p:spTree>
      <p:nvGrpSpPr>
        <p:cNvPr id="1" name=""/>
        <p:cNvGrpSpPr/>
        <p:nvPr/>
      </p:nvGrpSpPr>
      <p:grpSpPr>
        <a:xfrm>
          <a:off x="0" y="0"/>
          <a:ext cx="0" cy="0"/>
          <a:chOff x="0" y="0"/>
          <a:chExt cx="0" cy="0"/>
        </a:xfrm>
      </p:grpSpPr>
      <p:sp>
        <p:nvSpPr>
          <p:cNvPr id="9" name="Title 1">
            <a:extLst>
              <a:ext uri="{FF2B5EF4-FFF2-40B4-BE49-F238E27FC236}">
                <a16:creationId xmlns:a16="http://schemas.microsoft.com/office/drawing/2014/main" id="{A458B3A1-C77D-4AFC-B2C8-79520B53C452}"/>
              </a:ext>
            </a:extLst>
          </p:cNvPr>
          <p:cNvSpPr>
            <a:spLocks noGrp="1"/>
          </p:cNvSpPr>
          <p:nvPr>
            <p:ph type="title"/>
          </p:nvPr>
        </p:nvSpPr>
        <p:spPr>
          <a:xfrm>
            <a:off x="550863" y="4507200"/>
            <a:ext cx="4500562" cy="1562959"/>
          </a:xfrm>
        </p:spPr>
        <p:txBody>
          <a:bodyPr wrap="square" rtlCol="0" anchor="t" anchorCtr="0">
            <a:noAutofit/>
          </a:bodyPr>
          <a:lstStyle/>
          <a:p>
            <a:pPr rtl="0"/>
            <a:r>
              <a:rPr lang="en-US"/>
              <a:t>Click to edit Master title style</a:t>
            </a:r>
            <a:endParaRPr lang="en-GB" dirty="0"/>
          </a:p>
        </p:txBody>
      </p:sp>
      <p:sp>
        <p:nvSpPr>
          <p:cNvPr id="12" name="Picture Placeholder 11">
            <a:extLst>
              <a:ext uri="{FF2B5EF4-FFF2-40B4-BE49-F238E27FC236}">
                <a16:creationId xmlns:a16="http://schemas.microsoft.com/office/drawing/2014/main" id="{F551DA26-B267-4F28-B4D0-65B3EF6E1112}"/>
              </a:ext>
            </a:extLst>
          </p:cNvPr>
          <p:cNvSpPr>
            <a:spLocks noGrp="1"/>
          </p:cNvSpPr>
          <p:nvPr>
            <p:ph type="pic" sz="quarter" idx="13"/>
          </p:nvPr>
        </p:nvSpPr>
        <p:spPr>
          <a:xfrm>
            <a:off x="0" y="0"/>
            <a:ext cx="3054096" cy="3776472"/>
          </a:xfrm>
          <a:solidFill>
            <a:schemeClr val="accent5"/>
          </a:solidFill>
        </p:spPr>
        <p:txBody>
          <a:bodyPr rtlCol="0">
            <a:noAutofit/>
          </a:bodyPr>
          <a:lstStyle/>
          <a:p>
            <a:pPr rtl="0"/>
            <a:r>
              <a:rPr lang="en-US"/>
              <a:t>Click icon to add picture</a:t>
            </a:r>
            <a:endParaRPr lang="en-GB"/>
          </a:p>
        </p:txBody>
      </p:sp>
      <p:sp>
        <p:nvSpPr>
          <p:cNvPr id="18" name="Picture Placeholder 11">
            <a:extLst>
              <a:ext uri="{FF2B5EF4-FFF2-40B4-BE49-F238E27FC236}">
                <a16:creationId xmlns:a16="http://schemas.microsoft.com/office/drawing/2014/main" id="{95544A62-DA23-4840-99DE-09AFC8F4DC48}"/>
              </a:ext>
            </a:extLst>
          </p:cNvPr>
          <p:cNvSpPr>
            <a:spLocks noGrp="1"/>
          </p:cNvSpPr>
          <p:nvPr>
            <p:ph type="pic" sz="quarter" idx="14"/>
          </p:nvPr>
        </p:nvSpPr>
        <p:spPr>
          <a:xfrm>
            <a:off x="3054096" y="0"/>
            <a:ext cx="3054096" cy="3776472"/>
          </a:xfrm>
          <a:solidFill>
            <a:schemeClr val="accent5"/>
          </a:solidFill>
        </p:spPr>
        <p:txBody>
          <a:bodyPr rtlCol="0">
            <a:noAutofit/>
          </a:bodyPr>
          <a:lstStyle/>
          <a:p>
            <a:pPr rtl="0"/>
            <a:r>
              <a:rPr lang="en-US"/>
              <a:t>Click icon to add picture</a:t>
            </a:r>
            <a:endParaRPr lang="en-GB"/>
          </a:p>
        </p:txBody>
      </p:sp>
      <p:sp>
        <p:nvSpPr>
          <p:cNvPr id="19" name="Picture Placeholder 11">
            <a:extLst>
              <a:ext uri="{FF2B5EF4-FFF2-40B4-BE49-F238E27FC236}">
                <a16:creationId xmlns:a16="http://schemas.microsoft.com/office/drawing/2014/main" id="{0C91AF30-C5BB-4601-BDEB-E60C93A16933}"/>
              </a:ext>
            </a:extLst>
          </p:cNvPr>
          <p:cNvSpPr>
            <a:spLocks noGrp="1"/>
          </p:cNvSpPr>
          <p:nvPr>
            <p:ph type="pic" sz="quarter" idx="15"/>
          </p:nvPr>
        </p:nvSpPr>
        <p:spPr>
          <a:xfrm>
            <a:off x="6083808" y="0"/>
            <a:ext cx="3054096" cy="3776472"/>
          </a:xfrm>
          <a:solidFill>
            <a:schemeClr val="accent5"/>
          </a:solidFill>
        </p:spPr>
        <p:txBody>
          <a:bodyPr rtlCol="0">
            <a:noAutofit/>
          </a:bodyPr>
          <a:lstStyle/>
          <a:p>
            <a:pPr rtl="0"/>
            <a:r>
              <a:rPr lang="en-US"/>
              <a:t>Click icon to add picture</a:t>
            </a:r>
            <a:endParaRPr lang="en-GB"/>
          </a:p>
        </p:txBody>
      </p:sp>
      <p:sp>
        <p:nvSpPr>
          <p:cNvPr id="20" name="Picture Placeholder 11">
            <a:extLst>
              <a:ext uri="{FF2B5EF4-FFF2-40B4-BE49-F238E27FC236}">
                <a16:creationId xmlns:a16="http://schemas.microsoft.com/office/drawing/2014/main" id="{5B625AA5-EA5B-4115-A461-DA2C7087D83E}"/>
              </a:ext>
            </a:extLst>
          </p:cNvPr>
          <p:cNvSpPr>
            <a:spLocks noGrp="1"/>
          </p:cNvSpPr>
          <p:nvPr>
            <p:ph type="pic" sz="quarter" idx="16"/>
          </p:nvPr>
        </p:nvSpPr>
        <p:spPr>
          <a:xfrm>
            <a:off x="9137904" y="0"/>
            <a:ext cx="3054096" cy="3776472"/>
          </a:xfrm>
          <a:solidFill>
            <a:schemeClr val="accent5"/>
          </a:solidFill>
        </p:spPr>
        <p:txBody>
          <a:bodyPr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1" name="Content Placeholder 6">
            <a:extLst>
              <a:ext uri="{FF2B5EF4-FFF2-40B4-BE49-F238E27FC236}">
                <a16:creationId xmlns:a16="http://schemas.microsoft.com/office/drawing/2014/main" id="{1B1AE41C-3196-4E6F-A3A8-313A92677FF3}"/>
              </a:ext>
            </a:extLst>
          </p:cNvPr>
          <p:cNvSpPr>
            <a:spLocks noGrp="1"/>
          </p:cNvSpPr>
          <p:nvPr>
            <p:ph sz="quarter" idx="15"/>
          </p:nvPr>
        </p:nvSpPr>
        <p:spPr>
          <a:xfrm>
            <a:off x="5262411" y="4508500"/>
            <a:ext cx="6221412" cy="1563688"/>
          </a:xfrm>
        </p:spPr>
        <p:txBody>
          <a:bodyPr rtlCol="0">
            <a:noAutofit/>
          </a:bodyPr>
          <a:lstStyle>
            <a:lvl1pPr marL="228600" indent="-228600">
              <a:lnSpc>
                <a:spcPct val="100000"/>
              </a:lnSpc>
              <a:buFont typeface="Arial" panose="020B0604020202020204" pitchFamily="34" charset="0"/>
              <a:buChar char="•"/>
              <a:defRPr sz="2000"/>
            </a:lvl1pPr>
            <a:lvl2pPr>
              <a:buNone/>
              <a:defRPr sz="1900"/>
            </a:lvl2pPr>
            <a:lvl3pPr>
              <a:buNone/>
              <a:defRPr sz="1900"/>
            </a:lvl3pPr>
            <a:lvl4pPr>
              <a:buNone/>
              <a:defRPr sz="1900"/>
            </a:lvl4pPr>
            <a:lvl5pPr>
              <a:buNone/>
              <a:defRPr sz="1900"/>
            </a:lvl5pPr>
          </a:lstStyle>
          <a:p>
            <a:pPr lvl="0" rtl="0"/>
            <a:r>
              <a:rPr lang="en-US"/>
              <a:t>Click to edit Master text styles</a:t>
            </a:r>
          </a:p>
        </p:txBody>
      </p:sp>
    </p:spTree>
    <p:extLst>
      <p:ext uri="{BB962C8B-B14F-4D97-AF65-F5344CB8AC3E}">
        <p14:creationId xmlns:p14="http://schemas.microsoft.com/office/powerpoint/2010/main" val="257026072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accent5"/>
          </a:solidFill>
        </p:spPr>
        <p:txBody>
          <a:bodyPr rtlCol="0"/>
          <a:lstStyle/>
          <a:p>
            <a:pPr rtl="0"/>
            <a:r>
              <a:rPr lang="en-US"/>
              <a:t>Click icon to add picture</a:t>
            </a:r>
            <a:endParaRPr lang="en-GB"/>
          </a:p>
        </p:txBody>
      </p:sp>
      <p:sp>
        <p:nvSpPr>
          <p:cNvPr id="4" name="Date Placeholder 3">
            <a:extLst>
              <a:ext uri="{FF2B5EF4-FFF2-40B4-BE49-F238E27FC236}">
                <a16:creationId xmlns:a16="http://schemas.microsoft.com/office/drawing/2014/main" id="{56403DDF-462A-45CE-931B-010AB4F73C3F}"/>
              </a:ext>
            </a:extLst>
          </p:cNvPr>
          <p:cNvSpPr>
            <a:spLocks noGrp="1"/>
          </p:cNvSpPr>
          <p:nvPr>
            <p:ph type="dt" sz="half" idx="10"/>
          </p:nvPr>
        </p:nvSpPr>
        <p:spPr/>
        <p:txBody>
          <a:bodyPr rtlCol="0"/>
          <a:lstStyle/>
          <a:p>
            <a:pPr rtl="0"/>
            <a:r>
              <a:rPr lang="en-GB"/>
              <a:t>Tuesday, February 2, 20XX</a:t>
            </a:r>
          </a:p>
        </p:txBody>
      </p:sp>
      <p:sp>
        <p:nvSpPr>
          <p:cNvPr id="5" name="Footer Placeholder 4">
            <a:extLst>
              <a:ext uri="{FF2B5EF4-FFF2-40B4-BE49-F238E27FC236}">
                <a16:creationId xmlns:a16="http://schemas.microsoft.com/office/drawing/2014/main" id="{39E10702-2ACF-4768-9E91-8CB87B89594D}"/>
              </a:ext>
            </a:extLst>
          </p:cNvPr>
          <p:cNvSpPr>
            <a:spLocks noGrp="1"/>
          </p:cNvSpPr>
          <p:nvPr>
            <p:ph type="ftr" sz="quarter" idx="11"/>
          </p:nvPr>
        </p:nvSpPr>
        <p:spPr/>
        <p:txBody>
          <a:bodyPr rtlCol="0"/>
          <a:lstStyle/>
          <a:p>
            <a:pPr rtl="0"/>
            <a:r>
              <a:rPr lang="en-GB"/>
              <a:t>Sample Footer Text</a:t>
            </a:r>
          </a:p>
        </p:txBody>
      </p:sp>
      <p:sp>
        <p:nvSpPr>
          <p:cNvPr id="6" name="Slide Number Placeholder 5">
            <a:extLst>
              <a:ext uri="{FF2B5EF4-FFF2-40B4-BE49-F238E27FC236}">
                <a16:creationId xmlns:a16="http://schemas.microsoft.com/office/drawing/2014/main" id="{E8DFA722-391E-4FCF-8E15-0D7E2EC02B63}"/>
              </a:ext>
            </a:extLst>
          </p:cNvPr>
          <p:cNvSpPr>
            <a:spLocks noGrp="1"/>
          </p:cNvSpPr>
          <p:nvPr>
            <p:ph type="sldNum" sz="quarter" idx="12"/>
          </p:nvPr>
        </p:nvSpPr>
        <p:spPr/>
        <p:txBody>
          <a:bodyPr rtlCol="0"/>
          <a:lstStyle/>
          <a:p>
            <a:pPr rtl="0"/>
            <a:fld id="{DBA1B0FB-D917-4C8C-928F-313BD683BF39}" type="slidenum">
              <a:rPr lang="en-GB" smtClean="0"/>
              <a:t>‹#›</a:t>
            </a:fld>
            <a:endParaRPr lang="en-GB"/>
          </a:p>
        </p:txBody>
      </p:sp>
      <p:sp>
        <p:nvSpPr>
          <p:cNvPr id="13" name="Rectangle 12">
            <a:extLst>
              <a:ext uri="{FF2B5EF4-FFF2-40B4-BE49-F238E27FC236}">
                <a16:creationId xmlns:a16="http://schemas.microsoft.com/office/drawing/2014/main" id="{80517979-166D-4AAA-ABBC-0C3E5C2ECF37}"/>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90000">
                <a:schemeClr val="bg2">
                  <a:alpha val="60000"/>
                </a:schemeClr>
              </a:gs>
              <a:gs pos="28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14" name="Rectangle 13">
            <a:extLst>
              <a:ext uri="{FF2B5EF4-FFF2-40B4-BE49-F238E27FC236}">
                <a16:creationId xmlns:a16="http://schemas.microsoft.com/office/drawing/2014/main" id="{4E111559-B769-4E2A-A891-97B3C4AA6BAC}"/>
              </a:ext>
            </a:extLst>
          </p:cNvPr>
          <p:cNvSpPr/>
          <p:nvPr userDrawn="1"/>
        </p:nvSpPr>
        <p:spPr>
          <a:xfrm rot="10800000">
            <a:off x="0" y="-3"/>
            <a:ext cx="9000000" cy="6857998"/>
          </a:xfrm>
          <a:prstGeom prst="rect">
            <a:avLst/>
          </a:prstGeom>
          <a:gradFill flip="none" rotWithShape="1">
            <a:gsLst>
              <a:gs pos="50000">
                <a:schemeClr val="bg2">
                  <a:alpha val="60000"/>
                </a:schemeClr>
              </a:gs>
              <a:gs pos="0">
                <a:schemeClr val="bg2">
                  <a:alpha val="0"/>
                </a:schemeClr>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550863" y="549275"/>
            <a:ext cx="5437187" cy="2986234"/>
          </a:xfrm>
        </p:spPr>
        <p:txBody>
          <a:bodyPr rtlCol="0" anchor="b" anchorCtr="0">
            <a:noAutofit/>
          </a:bodyPr>
          <a:lstStyle>
            <a:lvl1pPr>
              <a:defRPr sz="6400"/>
            </a:lvl1pPr>
          </a:lstStyle>
          <a:p>
            <a:pPr rtl="0"/>
            <a:r>
              <a:rPr lang="en-US"/>
              <a:t>Click to edit Master title style</a:t>
            </a:r>
            <a:endParaRPr lang="en-GB" dirty="0"/>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550863" y="3816724"/>
            <a:ext cx="5437187" cy="2265216"/>
          </a:xfrm>
        </p:spPr>
        <p:txBody>
          <a:bodyPr rtlCol="0">
            <a:noAutofit/>
          </a:bodyPr>
          <a:lstStyle>
            <a:lvl1pPr>
              <a:buNone/>
              <a:defRPr sz="2400"/>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Tree>
    <p:extLst>
      <p:ext uri="{BB962C8B-B14F-4D97-AF65-F5344CB8AC3E}">
        <p14:creationId xmlns:p14="http://schemas.microsoft.com/office/powerpoint/2010/main" val="1023429560"/>
      </p:ext>
    </p:extLst>
  </p:cSld>
  <p:clrMapOvr>
    <a:overrideClrMapping bg1="dk1" tx1="lt1" bg2="dk2" tx2="lt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5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bg2"/>
          </a:solidFill>
        </p:spPr>
        <p:txBody>
          <a:bodyPr rtlCol="0"/>
          <a:lstStyle/>
          <a:p>
            <a:pPr rtl="0"/>
            <a:r>
              <a:rPr lang="en-US"/>
              <a:t>Click icon to add picture</a:t>
            </a:r>
            <a:endParaRPr lang="en-GB"/>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0" y="3557281"/>
            <a:ext cx="6640285" cy="3300719"/>
          </a:xfrm>
          <a:gradFill>
            <a:gsLst>
              <a:gs pos="0">
                <a:schemeClr val="bg2">
                  <a:alpha val="0"/>
                </a:schemeClr>
              </a:gs>
              <a:gs pos="50000">
                <a:schemeClr val="bg2">
                  <a:alpha val="60000"/>
                </a:schemeClr>
              </a:gs>
            </a:gsLst>
            <a:lin ang="10800000" scaled="1"/>
          </a:gradFill>
        </p:spPr>
        <p:txBody>
          <a:bodyPr rtlCol="0">
            <a:noAutofit/>
          </a:bodyPr>
          <a:lstStyle>
            <a:lvl1pPr marL="548640" indent="0">
              <a:lnSpc>
                <a:spcPct val="200000"/>
              </a:lnSpc>
              <a:buNone/>
              <a:defRPr/>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0" y="0"/>
            <a:ext cx="6640285" cy="3535509"/>
          </a:xfrm>
          <a:gradFill flip="none" rotWithShape="1">
            <a:gsLst>
              <a:gs pos="0">
                <a:schemeClr val="bg2">
                  <a:alpha val="0"/>
                </a:schemeClr>
              </a:gs>
              <a:gs pos="50000">
                <a:schemeClr val="bg2">
                  <a:alpha val="70000"/>
                </a:schemeClr>
              </a:gs>
            </a:gsLst>
            <a:lin ang="10800000" scaled="1"/>
            <a:tileRect/>
          </a:gradFill>
        </p:spPr>
        <p:txBody>
          <a:bodyPr rtlCol="0" anchor="b" anchorCtr="0">
            <a:noAutofit/>
          </a:bodyPr>
          <a:lstStyle>
            <a:lvl1pPr marL="548640">
              <a:spcAft>
                <a:spcPts val="1200"/>
              </a:spcAft>
              <a:defRPr sz="6400"/>
            </a:lvl1pPr>
          </a:lstStyle>
          <a:p>
            <a:pPr rtl="0"/>
            <a:r>
              <a:rPr lang="en-US"/>
              <a:t>Click to edit Master title style</a:t>
            </a:r>
            <a:endParaRPr lang="en-GB" dirty="0"/>
          </a:p>
        </p:txBody>
      </p:sp>
    </p:spTree>
    <p:extLst>
      <p:ext uri="{BB962C8B-B14F-4D97-AF65-F5344CB8AC3E}">
        <p14:creationId xmlns:p14="http://schemas.microsoft.com/office/powerpoint/2010/main" val="2229304515"/>
      </p:ext>
    </p:extLst>
  </p:cSld>
  <p:clrMapOvr>
    <a:overrideClrMapping bg1="dk1" tx1="lt1" bg2="dk2" tx2="lt2" accent1="accent1" accent2="accent2" accent3="accent3" accent4="accent4" accent5="accent5" accent6="accent6" hlink="hlink" folHlink="folHlink"/>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 preserve="1">
  <p:cSld name="5_Chart Table Timeline">
    <p:spTree>
      <p:nvGrpSpPr>
        <p:cNvPr id="1" name=""/>
        <p:cNvGrpSpPr/>
        <p:nvPr/>
      </p:nvGrpSpPr>
      <p:grpSpPr>
        <a:xfrm>
          <a:off x="0" y="0"/>
          <a:ext cx="0" cy="0"/>
          <a:chOff x="0" y="0"/>
          <a:chExt cx="0" cy="0"/>
        </a:xfrm>
      </p:grpSpPr>
      <p:grpSp>
        <p:nvGrpSpPr>
          <p:cNvPr id="12" name="Group 11">
            <a:extLst>
              <a:ext uri="{FF2B5EF4-FFF2-40B4-BE49-F238E27FC236}">
                <a16:creationId xmlns:a16="http://schemas.microsoft.com/office/drawing/2014/main" id="{3BDBC526-6DCD-4FF6-8395-D8C22E46E527}"/>
              </a:ext>
            </a:extLst>
          </p:cNvPr>
          <p:cNvGrpSpPr/>
          <p:nvPr/>
        </p:nvGrpSpPr>
        <p:grpSpPr>
          <a:xfrm>
            <a:off x="613998" y="5334748"/>
            <a:ext cx="678135" cy="990000"/>
            <a:chOff x="10490969" y="1448827"/>
            <a:chExt cx="678135" cy="990000"/>
          </a:xfrm>
        </p:grpSpPr>
        <p:sp>
          <p:nvSpPr>
            <p:cNvPr id="13" name="Freeform: Shape 12">
              <a:extLst>
                <a:ext uri="{FF2B5EF4-FFF2-40B4-BE49-F238E27FC236}">
                  <a16:creationId xmlns:a16="http://schemas.microsoft.com/office/drawing/2014/main" id="{02ECB475-568C-47AC-B16D-2E202DEB2DE0}"/>
                </a:ext>
              </a:extLst>
            </p:cNvPr>
            <p:cNvSpPr>
              <a:spLocks noChangeAspect="1"/>
            </p:cNvSpPr>
            <p:nvPr/>
          </p:nvSpPr>
          <p:spPr>
            <a:xfrm rot="2700000" flipH="1" flipV="1">
              <a:off x="10268976" y="1743588"/>
              <a:ext cx="926985" cy="463493"/>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127000" dist="50800" dir="1350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14" name="Oval 13">
              <a:extLst>
                <a:ext uri="{FF2B5EF4-FFF2-40B4-BE49-F238E27FC236}">
                  <a16:creationId xmlns:a16="http://schemas.microsoft.com/office/drawing/2014/main" id="{080D8764-525A-441E-B58F-068E82F09714}"/>
                </a:ext>
              </a:extLst>
            </p:cNvPr>
            <p:cNvSpPr/>
            <p:nvPr/>
          </p:nvSpPr>
          <p:spPr>
            <a:xfrm rot="8100000" flipH="1" flipV="1">
              <a:off x="11115555" y="1939340"/>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5" name="Oval 14">
              <a:extLst>
                <a:ext uri="{FF2B5EF4-FFF2-40B4-BE49-F238E27FC236}">
                  <a16:creationId xmlns:a16="http://schemas.microsoft.com/office/drawing/2014/main" id="{11196109-6F2B-4738-B2FC-2CCC753AABD4}"/>
                </a:ext>
              </a:extLst>
            </p:cNvPr>
            <p:cNvSpPr/>
            <p:nvPr/>
          </p:nvSpPr>
          <p:spPr>
            <a:xfrm rot="8100000" flipH="1" flipV="1">
              <a:off x="10625042" y="1448827"/>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6" name="Freeform: Shape 15">
              <a:extLst>
                <a:ext uri="{FF2B5EF4-FFF2-40B4-BE49-F238E27FC236}">
                  <a16:creationId xmlns:a16="http://schemas.microsoft.com/office/drawing/2014/main" id="{F7E468C2-69B8-470B-85E3-801A3CB1D7E2}"/>
                </a:ext>
              </a:extLst>
            </p:cNvPr>
            <p:cNvSpPr>
              <a:spLocks noChangeAspect="1"/>
            </p:cNvSpPr>
            <p:nvPr/>
          </p:nvSpPr>
          <p:spPr>
            <a:xfrm rot="2700000" flipH="1" flipV="1">
              <a:off x="10292519" y="1686748"/>
              <a:ext cx="926985" cy="530086"/>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20000"/>
              </a:schemeClr>
            </a:solidFill>
            <a:ln>
              <a:noFill/>
            </a:ln>
            <a:effectLst>
              <a:softEdge rad="1016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grpSp>
      <p:sp>
        <p:nvSpPr>
          <p:cNvPr id="2" name="Title 1">
            <a:extLst>
              <a:ext uri="{FF2B5EF4-FFF2-40B4-BE49-F238E27FC236}">
                <a16:creationId xmlns:a16="http://schemas.microsoft.com/office/drawing/2014/main" id="{B1A4B040-51E3-4DA0-B21D-EEE173E7536F}"/>
              </a:ext>
            </a:extLst>
          </p:cNvPr>
          <p:cNvSpPr>
            <a:spLocks noGrp="1"/>
          </p:cNvSpPr>
          <p:nvPr>
            <p:ph type="title"/>
          </p:nvPr>
        </p:nvSpPr>
        <p:spPr>
          <a:xfrm>
            <a:off x="550862" y="549275"/>
            <a:ext cx="11091600" cy="1332000"/>
          </a:xfrm>
        </p:spPr>
        <p:txBody>
          <a:bodyPr vert="horz" wrap="square" lIns="0" tIns="0" rIns="0" bIns="0" rtlCol="0" anchor="t" anchorCtr="0">
            <a:noAutofit/>
          </a:bodyPr>
          <a:lstStyle>
            <a:lvl1pPr>
              <a:defRPr lang="en-GB" dirty="0"/>
            </a:lvl1pPr>
          </a:lstStyle>
          <a:p>
            <a:pPr lvl="0" rtl="0">
              <a:lnSpc>
                <a:spcPct val="100000"/>
              </a:lnSpc>
            </a:pPr>
            <a:r>
              <a:rPr lang="en-US"/>
              <a:t>Click to edit Master title style</a:t>
            </a:r>
            <a:endParaRPr lang="en-GB"/>
          </a:p>
        </p:txBody>
      </p:sp>
      <p:sp>
        <p:nvSpPr>
          <p:cNvPr id="3" name="Content Placeholder 2">
            <a:extLst>
              <a:ext uri="{FF2B5EF4-FFF2-40B4-BE49-F238E27FC236}">
                <a16:creationId xmlns:a16="http://schemas.microsoft.com/office/drawing/2014/main" id="{F8A2CD90-429B-4A55-B6C8-DD6CE6994118}"/>
              </a:ext>
            </a:extLst>
          </p:cNvPr>
          <p:cNvSpPr>
            <a:spLocks noGrp="1"/>
          </p:cNvSpPr>
          <p:nvPr>
            <p:ph idx="1"/>
          </p:nvPr>
        </p:nvSpPr>
        <p:spPr>
          <a:xfrm>
            <a:off x="550863" y="2113199"/>
            <a:ext cx="11090274" cy="3979625"/>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Date Placeholder 3">
            <a:extLst>
              <a:ext uri="{FF2B5EF4-FFF2-40B4-BE49-F238E27FC236}">
                <a16:creationId xmlns:a16="http://schemas.microsoft.com/office/drawing/2014/main" id="{4D4EE704-5DCA-484E-85E0-0E3A7B1C5046}"/>
              </a:ext>
            </a:extLst>
          </p:cNvPr>
          <p:cNvSpPr>
            <a:spLocks noGrp="1"/>
          </p:cNvSpPr>
          <p:nvPr>
            <p:ph type="dt" sz="half" idx="10"/>
          </p:nvPr>
        </p:nvSpPr>
        <p:spPr/>
        <p:txBody>
          <a:bodyPr rtlCol="0">
            <a:noAutofit/>
          </a:bodyPr>
          <a:lstStyle/>
          <a:p>
            <a:pPr rtl="0"/>
            <a:r>
              <a:rPr lang="en-GB"/>
              <a:t>Tuesday, February 2, 20XX</a:t>
            </a:r>
          </a:p>
        </p:txBody>
      </p:sp>
      <p:sp>
        <p:nvSpPr>
          <p:cNvPr id="5" name="Footer Placeholder 4">
            <a:extLst>
              <a:ext uri="{FF2B5EF4-FFF2-40B4-BE49-F238E27FC236}">
                <a16:creationId xmlns:a16="http://schemas.microsoft.com/office/drawing/2014/main" id="{4CA69B66-1C18-44A2-93F7-97DED26F24AB}"/>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7E44B5A0-66FA-433A-8DC5-C097C63B4DFC}"/>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61607116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7_Quote">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7062BF5C-3876-4161-B4FF-14CA94D326C6}"/>
              </a:ext>
            </a:extLst>
          </p:cNvPr>
          <p:cNvSpPr>
            <a:spLocks noGrp="1"/>
          </p:cNvSpPr>
          <p:nvPr>
            <p:ph type="title"/>
          </p:nvPr>
        </p:nvSpPr>
        <p:spPr>
          <a:xfrm>
            <a:off x="550864" y="549275"/>
            <a:ext cx="3566160" cy="3384550"/>
          </a:xfrm>
        </p:spPr>
        <p:txBody>
          <a:bodyPr wrap="square" rtlCol="0" anchor="b" anchorCtr="0">
            <a:noAutofit/>
          </a:bodyPr>
          <a:lstStyle>
            <a:lvl1pPr>
              <a:defRPr sz="4000"/>
            </a:lvl1pPr>
          </a:lstStyle>
          <a:p>
            <a:pPr rtl="0"/>
            <a:r>
              <a:rPr lang="en-US"/>
              <a:t>Click to edit Master title style</a:t>
            </a:r>
            <a:endParaRPr lang="en-GB" dirty="0"/>
          </a:p>
        </p:txBody>
      </p:sp>
      <p:grpSp>
        <p:nvGrpSpPr>
          <p:cNvPr id="8" name="Group 7">
            <a:extLst>
              <a:ext uri="{FF2B5EF4-FFF2-40B4-BE49-F238E27FC236}">
                <a16:creationId xmlns:a16="http://schemas.microsoft.com/office/drawing/2014/main" id="{B17C5C60-EC4D-410B-9997-0B73289605FD}"/>
              </a:ext>
              <a:ext uri="{C183D7F6-B498-43B3-948B-1728B52AA6E4}">
                <adec:decorative xmlns:adec="http://schemas.microsoft.com/office/drawing/2017/decorative" val="1"/>
              </a:ext>
            </a:extLst>
          </p:cNvPr>
          <p:cNvGrpSpPr/>
          <p:nvPr userDrawn="1"/>
        </p:nvGrpSpPr>
        <p:grpSpPr>
          <a:xfrm>
            <a:off x="10822156" y="4143453"/>
            <a:ext cx="734257" cy="760506"/>
            <a:chOff x="5243759" y="1363788"/>
            <a:chExt cx="734257" cy="760506"/>
          </a:xfrm>
        </p:grpSpPr>
        <p:sp>
          <p:nvSpPr>
            <p:cNvPr id="9" name="Freeform 5">
              <a:extLst>
                <a:ext uri="{FF2B5EF4-FFF2-40B4-BE49-F238E27FC236}">
                  <a16:creationId xmlns:a16="http://schemas.microsoft.com/office/drawing/2014/main" id="{0573155C-3428-4F4F-AE66-A519D777EAAE}"/>
                </a:ext>
              </a:extLst>
            </p:cNvPr>
            <p:cNvSpPr>
              <a:spLocks/>
            </p:cNvSpPr>
            <p:nvPr/>
          </p:nvSpPr>
          <p:spPr bwMode="auto">
            <a:xfrm rot="1800000">
              <a:off x="5356930" y="1363788"/>
              <a:ext cx="621086" cy="364601"/>
            </a:xfrm>
            <a:custGeom>
              <a:avLst/>
              <a:gdLst>
                <a:gd name="T0" fmla="*/ 266 w 540"/>
                <a:gd name="T1" fmla="*/ 0 h 317"/>
                <a:gd name="T2" fmla="*/ 0 w 540"/>
                <a:gd name="T3" fmla="*/ 158 h 317"/>
                <a:gd name="T4" fmla="*/ 266 w 540"/>
                <a:gd name="T5" fmla="*/ 317 h 317"/>
                <a:gd name="T6" fmla="*/ 540 w 540"/>
                <a:gd name="T7" fmla="*/ 158 h 317"/>
                <a:gd name="T8" fmla="*/ 266 w 540"/>
                <a:gd name="T9" fmla="*/ 0 h 317"/>
              </a:gdLst>
              <a:ahLst/>
              <a:cxnLst>
                <a:cxn ang="0">
                  <a:pos x="T0" y="T1"/>
                </a:cxn>
                <a:cxn ang="0">
                  <a:pos x="T2" y="T3"/>
                </a:cxn>
                <a:cxn ang="0">
                  <a:pos x="T4" y="T5"/>
                </a:cxn>
                <a:cxn ang="0">
                  <a:pos x="T6" y="T7"/>
                </a:cxn>
                <a:cxn ang="0">
                  <a:pos x="T8" y="T9"/>
                </a:cxn>
              </a:cxnLst>
              <a:rect l="0" t="0" r="r" b="b"/>
              <a:pathLst>
                <a:path w="540" h="317">
                  <a:moveTo>
                    <a:pt x="266" y="0"/>
                  </a:moveTo>
                  <a:lnTo>
                    <a:pt x="0" y="158"/>
                  </a:lnTo>
                  <a:lnTo>
                    <a:pt x="266" y="317"/>
                  </a:lnTo>
                  <a:lnTo>
                    <a:pt x="540" y="158"/>
                  </a:lnTo>
                  <a:lnTo>
                    <a:pt x="266"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0" name="Freeform 6">
              <a:extLst>
                <a:ext uri="{FF2B5EF4-FFF2-40B4-BE49-F238E27FC236}">
                  <a16:creationId xmlns:a16="http://schemas.microsoft.com/office/drawing/2014/main" id="{1853496C-159E-4D47-94B5-0835FB6511BA}"/>
                </a:ext>
              </a:extLst>
            </p:cNvPr>
            <p:cNvSpPr>
              <a:spLocks/>
            </p:cNvSpPr>
            <p:nvPr/>
          </p:nvSpPr>
          <p:spPr bwMode="auto">
            <a:xfrm rot="1800000">
              <a:off x="5243759" y="1430747"/>
              <a:ext cx="305942" cy="538275"/>
            </a:xfrm>
            <a:custGeom>
              <a:avLst/>
              <a:gdLst>
                <a:gd name="T0" fmla="*/ 266 w 266"/>
                <a:gd name="T1" fmla="*/ 468 h 468"/>
                <a:gd name="T2" fmla="*/ 0 w 266"/>
                <a:gd name="T3" fmla="*/ 310 h 468"/>
                <a:gd name="T4" fmla="*/ 0 w 266"/>
                <a:gd name="T5" fmla="*/ 310 h 468"/>
                <a:gd name="T6" fmla="*/ 0 w 266"/>
                <a:gd name="T7" fmla="*/ 0 h 468"/>
                <a:gd name="T8" fmla="*/ 0 w 266"/>
                <a:gd name="T9" fmla="*/ 0 h 468"/>
                <a:gd name="T10" fmla="*/ 266 w 266"/>
                <a:gd name="T11" fmla="*/ 159 h 468"/>
                <a:gd name="T12" fmla="*/ 266 w 266"/>
                <a:gd name="T13" fmla="*/ 468 h 468"/>
              </a:gdLst>
              <a:ahLst/>
              <a:cxnLst>
                <a:cxn ang="0">
                  <a:pos x="T0" y="T1"/>
                </a:cxn>
                <a:cxn ang="0">
                  <a:pos x="T2" y="T3"/>
                </a:cxn>
                <a:cxn ang="0">
                  <a:pos x="T4" y="T5"/>
                </a:cxn>
                <a:cxn ang="0">
                  <a:pos x="T6" y="T7"/>
                </a:cxn>
                <a:cxn ang="0">
                  <a:pos x="T8" y="T9"/>
                </a:cxn>
                <a:cxn ang="0">
                  <a:pos x="T10" y="T11"/>
                </a:cxn>
                <a:cxn ang="0">
                  <a:pos x="T12" y="T13"/>
                </a:cxn>
              </a:cxnLst>
              <a:rect l="0" t="0" r="r" b="b"/>
              <a:pathLst>
                <a:path w="266" h="468">
                  <a:moveTo>
                    <a:pt x="266" y="468"/>
                  </a:moveTo>
                  <a:lnTo>
                    <a:pt x="0" y="310"/>
                  </a:lnTo>
                  <a:lnTo>
                    <a:pt x="0" y="310"/>
                  </a:lnTo>
                  <a:lnTo>
                    <a:pt x="0" y="0"/>
                  </a:lnTo>
                  <a:lnTo>
                    <a:pt x="0" y="0"/>
                  </a:lnTo>
                  <a:lnTo>
                    <a:pt x="266" y="159"/>
                  </a:lnTo>
                  <a:lnTo>
                    <a:pt x="266" y="468"/>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980000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Freeform 8">
              <a:extLst>
                <a:ext uri="{FF2B5EF4-FFF2-40B4-BE49-F238E27FC236}">
                  <a16:creationId xmlns:a16="http://schemas.microsoft.com/office/drawing/2014/main" id="{CE93E330-715B-44E8-84D9-CE166D428DAB}"/>
                </a:ext>
              </a:extLst>
            </p:cNvPr>
            <p:cNvSpPr>
              <a:spLocks/>
            </p:cNvSpPr>
            <p:nvPr/>
          </p:nvSpPr>
          <p:spPr bwMode="auto">
            <a:xfrm rot="1800000">
              <a:off x="5508097" y="1586019"/>
              <a:ext cx="315144" cy="538275"/>
            </a:xfrm>
            <a:custGeom>
              <a:avLst/>
              <a:gdLst>
                <a:gd name="T0" fmla="*/ 274 w 274"/>
                <a:gd name="T1" fmla="*/ 0 h 468"/>
                <a:gd name="T2" fmla="*/ 274 w 274"/>
                <a:gd name="T3" fmla="*/ 310 h 468"/>
                <a:gd name="T4" fmla="*/ 274 w 274"/>
                <a:gd name="T5" fmla="*/ 310 h 468"/>
                <a:gd name="T6" fmla="*/ 0 w 274"/>
                <a:gd name="T7" fmla="*/ 468 h 468"/>
                <a:gd name="T8" fmla="*/ 0 w 274"/>
                <a:gd name="T9" fmla="*/ 159 h 468"/>
                <a:gd name="T10" fmla="*/ 274 w 274"/>
                <a:gd name="T11" fmla="*/ 0 h 468"/>
                <a:gd name="T12" fmla="*/ 274 w 274"/>
                <a:gd name="T13" fmla="*/ 0 h 468"/>
              </a:gdLst>
              <a:ahLst/>
              <a:cxnLst>
                <a:cxn ang="0">
                  <a:pos x="T0" y="T1"/>
                </a:cxn>
                <a:cxn ang="0">
                  <a:pos x="T2" y="T3"/>
                </a:cxn>
                <a:cxn ang="0">
                  <a:pos x="T4" y="T5"/>
                </a:cxn>
                <a:cxn ang="0">
                  <a:pos x="T6" y="T7"/>
                </a:cxn>
                <a:cxn ang="0">
                  <a:pos x="T8" y="T9"/>
                </a:cxn>
                <a:cxn ang="0">
                  <a:pos x="T10" y="T11"/>
                </a:cxn>
                <a:cxn ang="0">
                  <a:pos x="T12" y="T13"/>
                </a:cxn>
              </a:cxnLst>
              <a:rect l="0" t="0" r="r" b="b"/>
              <a:pathLst>
                <a:path w="274" h="468">
                  <a:moveTo>
                    <a:pt x="274" y="0"/>
                  </a:moveTo>
                  <a:lnTo>
                    <a:pt x="274" y="310"/>
                  </a:lnTo>
                  <a:lnTo>
                    <a:pt x="274" y="310"/>
                  </a:lnTo>
                  <a:lnTo>
                    <a:pt x="0" y="468"/>
                  </a:lnTo>
                  <a:lnTo>
                    <a:pt x="0" y="159"/>
                  </a:lnTo>
                  <a:lnTo>
                    <a:pt x="274" y="0"/>
                  </a:lnTo>
                  <a:lnTo>
                    <a:pt x="274"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8000000" scaled="0"/>
              <a:tileRect/>
            </a:gradFill>
            <a:ln>
              <a:noFill/>
            </a:ln>
            <a:effectLst>
              <a:innerShdw blurRad="254000">
                <a:schemeClr val="accent1">
                  <a:lumMod val="60000"/>
                  <a:lumOff val="40000"/>
                  <a:alpha val="6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12" name="Oval 11">
            <a:extLst>
              <a:ext uri="{FF2B5EF4-FFF2-40B4-BE49-F238E27FC236}">
                <a16:creationId xmlns:a16="http://schemas.microsoft.com/office/drawing/2014/main" id="{80A2FA6F-99B7-4984-A80C-570644889F02}"/>
              </a:ext>
              <a:ext uri="{C183D7F6-B498-43B3-948B-1728B52AA6E4}">
                <adec:decorative xmlns:adec="http://schemas.microsoft.com/office/drawing/2017/decorative" val="1"/>
              </a:ext>
            </a:extLst>
          </p:cNvPr>
          <p:cNvSpPr>
            <a:spLocks noChangeAspect="1"/>
          </p:cNvSpPr>
          <p:nvPr userDrawn="1"/>
        </p:nvSpPr>
        <p:spPr>
          <a:xfrm>
            <a:off x="5668780" y="50590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7" name="Content Placeholder 16">
            <a:extLst>
              <a:ext uri="{FF2B5EF4-FFF2-40B4-BE49-F238E27FC236}">
                <a16:creationId xmlns:a16="http://schemas.microsoft.com/office/drawing/2014/main" id="{439C8C03-81B3-4DE8-B96A-78258E4467CC}"/>
              </a:ext>
            </a:extLst>
          </p:cNvPr>
          <p:cNvSpPr>
            <a:spLocks noGrp="1"/>
          </p:cNvSpPr>
          <p:nvPr>
            <p:ph sz="quarter" idx="15"/>
          </p:nvPr>
        </p:nvSpPr>
        <p:spPr>
          <a:xfrm>
            <a:off x="550863" y="4097338"/>
            <a:ext cx="3565524" cy="2351087"/>
          </a:xfrm>
        </p:spPr>
        <p:txBody>
          <a:bodyPr rtlCol="0">
            <a:noAutofit/>
          </a:bodyPr>
          <a:lstStyle>
            <a:lvl1pPr>
              <a:buNone/>
              <a:defRPr sz="2400"/>
            </a:lvl1pPr>
            <a:lvl2pPr>
              <a:defRPr sz="2000"/>
            </a:lvl2pPr>
            <a:lvl3pPr>
              <a:defRPr sz="2000"/>
            </a:lvl3pPr>
            <a:lvl4pPr>
              <a:defRPr sz="2000"/>
            </a:lvl4pPr>
            <a:lvl5pPr>
              <a:defRPr sz="2000"/>
            </a:lvl5pPr>
          </a:lstStyle>
          <a:p>
            <a:pPr lvl="0" rtl="0"/>
            <a:r>
              <a:rPr lang="en-US"/>
              <a:t>Click to edit Master text styles</a:t>
            </a:r>
          </a:p>
        </p:txBody>
      </p:sp>
      <p:sp>
        <p:nvSpPr>
          <p:cNvPr id="15" name="Picture Placeholder 14">
            <a:extLst>
              <a:ext uri="{FF2B5EF4-FFF2-40B4-BE49-F238E27FC236}">
                <a16:creationId xmlns:a16="http://schemas.microsoft.com/office/drawing/2014/main" id="{C1FBB56D-C8B1-4ED9-A5DB-72BA636DADF3}"/>
              </a:ext>
            </a:extLst>
          </p:cNvPr>
          <p:cNvSpPr>
            <a:spLocks noGrp="1"/>
          </p:cNvSpPr>
          <p:nvPr>
            <p:ph type="pic" sz="quarter" idx="13"/>
          </p:nvPr>
        </p:nvSpPr>
        <p:spPr>
          <a:xfrm>
            <a:off x="5535809" y="656633"/>
            <a:ext cx="5132388" cy="5132388"/>
          </a:xfrm>
          <a:custGeom>
            <a:avLst/>
            <a:gdLst>
              <a:gd name="connsiteX0" fmla="*/ 2566194 w 5132388"/>
              <a:gd name="connsiteY0" fmla="*/ 0 h 5132388"/>
              <a:gd name="connsiteX1" fmla="*/ 5132388 w 5132388"/>
              <a:gd name="connsiteY1" fmla="*/ 2566194 h 5132388"/>
              <a:gd name="connsiteX2" fmla="*/ 2566194 w 5132388"/>
              <a:gd name="connsiteY2" fmla="*/ 5132388 h 5132388"/>
              <a:gd name="connsiteX3" fmla="*/ 0 w 5132388"/>
              <a:gd name="connsiteY3" fmla="*/ 2566194 h 5132388"/>
              <a:gd name="connsiteX4" fmla="*/ 2566194 w 5132388"/>
              <a:gd name="connsiteY4" fmla="*/ 0 h 51323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132388" h="5132388">
                <a:moveTo>
                  <a:pt x="2566194" y="0"/>
                </a:moveTo>
                <a:cubicBezTo>
                  <a:pt x="3983464" y="0"/>
                  <a:pt x="5132388" y="1148924"/>
                  <a:pt x="5132388" y="2566194"/>
                </a:cubicBezTo>
                <a:cubicBezTo>
                  <a:pt x="5132388" y="3983464"/>
                  <a:pt x="3983464" y="5132388"/>
                  <a:pt x="2566194" y="5132388"/>
                </a:cubicBezTo>
                <a:cubicBezTo>
                  <a:pt x="1148924" y="5132388"/>
                  <a:pt x="0" y="3983464"/>
                  <a:pt x="0" y="2566194"/>
                </a:cubicBezTo>
                <a:cubicBezTo>
                  <a:pt x="0" y="1148924"/>
                  <a:pt x="1148924" y="0"/>
                  <a:pt x="2566194"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06308716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8_Team">
    <p:spTree>
      <p:nvGrpSpPr>
        <p:cNvPr id="1" name=""/>
        <p:cNvGrpSpPr/>
        <p:nvPr/>
      </p:nvGrpSpPr>
      <p:grpSpPr>
        <a:xfrm>
          <a:off x="0" y="0"/>
          <a:ext cx="0" cy="0"/>
          <a:chOff x="0" y="0"/>
          <a:chExt cx="0" cy="0"/>
        </a:xfrm>
      </p:grpSpPr>
      <p:sp>
        <p:nvSpPr>
          <p:cNvPr id="16" name="Rectangle 15">
            <a:extLst>
              <a:ext uri="{FF2B5EF4-FFF2-40B4-BE49-F238E27FC236}">
                <a16:creationId xmlns:a16="http://schemas.microsoft.com/office/drawing/2014/main" id="{E38C6F9E-A74F-4F54-9409-B6B93DF8CE78}"/>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100000">
                <a:schemeClr val="bg2">
                  <a:alpha val="60000"/>
                </a:schemeClr>
              </a:gs>
              <a:gs pos="40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34" name="Oval 33">
            <a:extLst>
              <a:ext uri="{FF2B5EF4-FFF2-40B4-BE49-F238E27FC236}">
                <a16:creationId xmlns:a16="http://schemas.microsoft.com/office/drawing/2014/main" id="{6F0F71C5-78A4-4793-9BD4-3DF0EE3E3EB7}"/>
              </a:ext>
              <a:ext uri="{C183D7F6-B498-43B3-948B-1728B52AA6E4}">
                <adec:decorative xmlns:adec="http://schemas.microsoft.com/office/drawing/2017/decorative" val="1"/>
              </a:ext>
            </a:extLst>
          </p:cNvPr>
          <p:cNvSpPr>
            <a:spLocks noChangeAspect="1"/>
          </p:cNvSpPr>
          <p:nvPr userDrawn="1"/>
        </p:nvSpPr>
        <p:spPr>
          <a:xfrm>
            <a:off x="10288775" y="7626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40" name="Title 5">
            <a:extLst>
              <a:ext uri="{FF2B5EF4-FFF2-40B4-BE49-F238E27FC236}">
                <a16:creationId xmlns:a16="http://schemas.microsoft.com/office/drawing/2014/main" id="{36F60F77-4CC9-4F86-B70A-85012C6588A0}"/>
              </a:ext>
            </a:extLst>
          </p:cNvPr>
          <p:cNvSpPr>
            <a:spLocks noGrp="1"/>
          </p:cNvSpPr>
          <p:nvPr>
            <p:ph type="ctrTitle" hasCustomPrompt="1"/>
          </p:nvPr>
        </p:nvSpPr>
        <p:spPr>
          <a:xfrm>
            <a:off x="548640" y="548640"/>
            <a:ext cx="8281987" cy="1253041"/>
          </a:xfrm>
        </p:spPr>
        <p:txBody>
          <a:bodyPr rtlCol="0">
            <a:noAutofit/>
          </a:bodyPr>
          <a:lstStyle/>
          <a:p>
            <a:pPr rtl="0"/>
            <a:r>
              <a:rPr lang="en-GB"/>
              <a:t>Team</a:t>
            </a:r>
          </a:p>
        </p:txBody>
      </p:sp>
      <p:grpSp>
        <p:nvGrpSpPr>
          <p:cNvPr id="51" name="Group 50">
            <a:extLst>
              <a:ext uri="{FF2B5EF4-FFF2-40B4-BE49-F238E27FC236}">
                <a16:creationId xmlns:a16="http://schemas.microsoft.com/office/drawing/2014/main" id="{E6093F87-C1F6-4FAB-B891-6F7D7FC20751}"/>
              </a:ext>
              <a:ext uri="{C183D7F6-B498-43B3-948B-1728B52AA6E4}">
                <adec:decorative xmlns:adec="http://schemas.microsoft.com/office/drawing/2017/decorative" val="1"/>
              </a:ext>
            </a:extLst>
          </p:cNvPr>
          <p:cNvGrpSpPr/>
          <p:nvPr userDrawn="1"/>
        </p:nvGrpSpPr>
        <p:grpSpPr>
          <a:xfrm>
            <a:off x="1800565" y="4518946"/>
            <a:ext cx="1980001" cy="1363916"/>
            <a:chOff x="4879602" y="3781429"/>
            <a:chExt cx="1980001" cy="1363916"/>
          </a:xfrm>
        </p:grpSpPr>
        <p:sp>
          <p:nvSpPr>
            <p:cNvPr id="52" name="Freeform: Shape 51">
              <a:extLst>
                <a:ext uri="{FF2B5EF4-FFF2-40B4-BE49-F238E27FC236}">
                  <a16:creationId xmlns:a16="http://schemas.microsoft.com/office/drawing/2014/main" id="{E1A4FD5C-1E5B-46D1-BA9D-99928D19AF04}"/>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53" name="Freeform: Shape 52">
              <a:extLst>
                <a:ext uri="{FF2B5EF4-FFF2-40B4-BE49-F238E27FC236}">
                  <a16:creationId xmlns:a16="http://schemas.microsoft.com/office/drawing/2014/main" id="{B7DF0ED5-A971-408F-A055-C7E5D7A623CD}"/>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solidFill>
                  <a:schemeClr val="tx1"/>
                </a:solidFill>
              </a:endParaRPr>
            </a:p>
          </p:txBody>
        </p:sp>
        <p:sp>
          <p:nvSpPr>
            <p:cNvPr id="54" name="Oval 53">
              <a:extLst>
                <a:ext uri="{FF2B5EF4-FFF2-40B4-BE49-F238E27FC236}">
                  <a16:creationId xmlns:a16="http://schemas.microsoft.com/office/drawing/2014/main" id="{AA81F353-4C5B-4A37-9846-2C1E2D0FC25F}"/>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55" name="Oval 54">
              <a:extLst>
                <a:ext uri="{FF2B5EF4-FFF2-40B4-BE49-F238E27FC236}">
                  <a16:creationId xmlns:a16="http://schemas.microsoft.com/office/drawing/2014/main" id="{42B74EA3-11CE-4D3F-99AD-162563447653}"/>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56" name="Picture Placeholder 55">
            <a:extLst>
              <a:ext uri="{FF2B5EF4-FFF2-40B4-BE49-F238E27FC236}">
                <a16:creationId xmlns:a16="http://schemas.microsoft.com/office/drawing/2014/main" id="{8F41896B-6DDA-4F82-9F74-3EBF93A3CD58}"/>
              </a:ext>
            </a:extLst>
          </p:cNvPr>
          <p:cNvSpPr>
            <a:spLocks noGrp="1"/>
          </p:cNvSpPr>
          <p:nvPr>
            <p:ph type="pic" sz="quarter" idx="13"/>
          </p:nvPr>
        </p:nvSpPr>
        <p:spPr>
          <a:xfrm>
            <a:off x="1078992" y="1990724"/>
            <a:ext cx="1691640" cy="1435608"/>
          </a:xfrm>
          <a:solidFill>
            <a:schemeClr val="accent5"/>
          </a:solidFill>
        </p:spPr>
        <p:txBody>
          <a:bodyPr rtlCol="0">
            <a:noAutofit/>
          </a:bodyPr>
          <a:lstStyle/>
          <a:p>
            <a:pPr rtl="0"/>
            <a:r>
              <a:rPr lang="en-US"/>
              <a:t>Click icon to add picture</a:t>
            </a:r>
            <a:endParaRPr lang="en-GB"/>
          </a:p>
        </p:txBody>
      </p:sp>
      <p:sp>
        <p:nvSpPr>
          <p:cNvPr id="57" name="Picture Placeholder 55">
            <a:extLst>
              <a:ext uri="{FF2B5EF4-FFF2-40B4-BE49-F238E27FC236}">
                <a16:creationId xmlns:a16="http://schemas.microsoft.com/office/drawing/2014/main" id="{EF85499B-C29A-4C8B-922C-7CE4771E352C}"/>
              </a:ext>
            </a:extLst>
          </p:cNvPr>
          <p:cNvSpPr>
            <a:spLocks noGrp="1"/>
          </p:cNvSpPr>
          <p:nvPr>
            <p:ph type="pic" sz="quarter" idx="14"/>
          </p:nvPr>
        </p:nvSpPr>
        <p:spPr>
          <a:xfrm>
            <a:off x="3838384" y="1990724"/>
            <a:ext cx="1691640" cy="1435608"/>
          </a:xfrm>
          <a:solidFill>
            <a:schemeClr val="accent5"/>
          </a:solidFill>
        </p:spPr>
        <p:txBody>
          <a:bodyPr rtlCol="0">
            <a:noAutofit/>
          </a:bodyPr>
          <a:lstStyle/>
          <a:p>
            <a:pPr rtl="0"/>
            <a:r>
              <a:rPr lang="en-US"/>
              <a:t>Click icon to add picture</a:t>
            </a:r>
            <a:endParaRPr lang="en-GB"/>
          </a:p>
        </p:txBody>
      </p:sp>
      <p:sp>
        <p:nvSpPr>
          <p:cNvPr id="58" name="Picture Placeholder 55">
            <a:extLst>
              <a:ext uri="{FF2B5EF4-FFF2-40B4-BE49-F238E27FC236}">
                <a16:creationId xmlns:a16="http://schemas.microsoft.com/office/drawing/2014/main" id="{F82A1DB8-0AE7-4E17-B07B-FCF45B85EE17}"/>
              </a:ext>
            </a:extLst>
          </p:cNvPr>
          <p:cNvSpPr>
            <a:spLocks noGrp="1"/>
          </p:cNvSpPr>
          <p:nvPr>
            <p:ph type="pic" sz="quarter" idx="15"/>
          </p:nvPr>
        </p:nvSpPr>
        <p:spPr>
          <a:xfrm>
            <a:off x="6661976" y="1993392"/>
            <a:ext cx="1691640" cy="1435608"/>
          </a:xfrm>
          <a:solidFill>
            <a:schemeClr val="accent5"/>
          </a:solidFill>
        </p:spPr>
        <p:txBody>
          <a:bodyPr rtlCol="0">
            <a:noAutofit/>
          </a:bodyPr>
          <a:lstStyle/>
          <a:p>
            <a:pPr rtl="0"/>
            <a:r>
              <a:rPr lang="en-US"/>
              <a:t>Click icon to add picture</a:t>
            </a:r>
            <a:endParaRPr lang="en-GB" dirty="0"/>
          </a:p>
        </p:txBody>
      </p:sp>
      <p:sp>
        <p:nvSpPr>
          <p:cNvPr id="59" name="Picture Placeholder 55">
            <a:extLst>
              <a:ext uri="{FF2B5EF4-FFF2-40B4-BE49-F238E27FC236}">
                <a16:creationId xmlns:a16="http://schemas.microsoft.com/office/drawing/2014/main" id="{A83EEB6C-83B7-471D-B5A4-4071534048D2}"/>
              </a:ext>
            </a:extLst>
          </p:cNvPr>
          <p:cNvSpPr>
            <a:spLocks noGrp="1"/>
          </p:cNvSpPr>
          <p:nvPr>
            <p:ph type="pic" sz="quarter" idx="16"/>
          </p:nvPr>
        </p:nvSpPr>
        <p:spPr>
          <a:xfrm>
            <a:off x="9485568" y="1990724"/>
            <a:ext cx="1691640" cy="1435608"/>
          </a:xfrm>
          <a:solidFill>
            <a:schemeClr val="accent5"/>
          </a:solidFill>
        </p:spPr>
        <p:txBody>
          <a:bodyPr rtlCol="0">
            <a:noAutofit/>
          </a:bodyPr>
          <a:lstStyle/>
          <a:p>
            <a:pPr rtl="0"/>
            <a:r>
              <a:rPr lang="en-US"/>
              <a:t>Click icon to add picture</a:t>
            </a:r>
            <a:endParaRPr lang="en-GB"/>
          </a:p>
        </p:txBody>
      </p:sp>
      <p:sp>
        <p:nvSpPr>
          <p:cNvPr id="63" name="Text Placeholder 62">
            <a:extLst>
              <a:ext uri="{FF2B5EF4-FFF2-40B4-BE49-F238E27FC236}">
                <a16:creationId xmlns:a16="http://schemas.microsoft.com/office/drawing/2014/main" id="{17A96A8C-F792-485A-9BB9-4DEDCA0CE6B8}"/>
              </a:ext>
            </a:extLst>
          </p:cNvPr>
          <p:cNvSpPr>
            <a:spLocks noGrp="1"/>
          </p:cNvSpPr>
          <p:nvPr>
            <p:ph type="body" sz="quarter" idx="18" hasCustomPrompt="1"/>
          </p:nvPr>
        </p:nvSpPr>
        <p:spPr>
          <a:xfrm>
            <a:off x="1079500" y="3781425"/>
            <a:ext cx="1711325" cy="365760"/>
          </a:xfrm>
        </p:spPr>
        <p:txBody>
          <a:bodyPr rtlCol="0">
            <a:noAutofit/>
          </a:bodyPr>
          <a:lstStyle>
            <a:lvl1pPr>
              <a:buNone/>
              <a:defRPr sz="2000" b="1"/>
            </a:lvl1pPr>
          </a:lstStyle>
          <a:p>
            <a:pPr lvl="0" rtl="0"/>
            <a:r>
              <a:rPr lang="en-GB"/>
              <a:t>Name</a:t>
            </a:r>
          </a:p>
        </p:txBody>
      </p:sp>
      <p:sp>
        <p:nvSpPr>
          <p:cNvPr id="61" name="Text Placeholder 60">
            <a:extLst>
              <a:ext uri="{FF2B5EF4-FFF2-40B4-BE49-F238E27FC236}">
                <a16:creationId xmlns:a16="http://schemas.microsoft.com/office/drawing/2014/main" id="{6C65AE07-519E-4E3B-8521-621C8343914D}"/>
              </a:ext>
            </a:extLst>
          </p:cNvPr>
          <p:cNvSpPr>
            <a:spLocks noGrp="1"/>
          </p:cNvSpPr>
          <p:nvPr>
            <p:ph type="body" sz="quarter" idx="17" hasCustomPrompt="1"/>
          </p:nvPr>
        </p:nvSpPr>
        <p:spPr>
          <a:xfrm>
            <a:off x="1078733" y="4232949"/>
            <a:ext cx="1711572" cy="638175"/>
          </a:xfrm>
        </p:spPr>
        <p:txBody>
          <a:bodyPr rtlCol="0">
            <a:noAutofit/>
          </a:bodyPr>
          <a:lstStyle>
            <a:lvl1pPr>
              <a:buNone/>
              <a:defRPr sz="1800"/>
            </a:lvl1pPr>
          </a:lstStyle>
          <a:p>
            <a:pPr lvl="0" rtl="0"/>
            <a:r>
              <a:rPr lang="en-GB"/>
              <a:t>Title</a:t>
            </a:r>
          </a:p>
        </p:txBody>
      </p:sp>
      <p:sp>
        <p:nvSpPr>
          <p:cNvPr id="65" name="Text Placeholder 62">
            <a:extLst>
              <a:ext uri="{FF2B5EF4-FFF2-40B4-BE49-F238E27FC236}">
                <a16:creationId xmlns:a16="http://schemas.microsoft.com/office/drawing/2014/main" id="{FB878318-C287-428B-8105-429BC4B03F55}"/>
              </a:ext>
            </a:extLst>
          </p:cNvPr>
          <p:cNvSpPr>
            <a:spLocks noGrp="1"/>
          </p:cNvSpPr>
          <p:nvPr>
            <p:ph type="body" sz="quarter" idx="20" hasCustomPrompt="1"/>
          </p:nvPr>
        </p:nvSpPr>
        <p:spPr>
          <a:xfrm>
            <a:off x="3839151" y="3781425"/>
            <a:ext cx="1711325" cy="365760"/>
          </a:xfrm>
        </p:spPr>
        <p:txBody>
          <a:bodyPr rtlCol="0">
            <a:noAutofit/>
          </a:bodyPr>
          <a:lstStyle>
            <a:lvl1pPr>
              <a:buNone/>
              <a:defRPr sz="2000" b="1"/>
            </a:lvl1pPr>
          </a:lstStyle>
          <a:p>
            <a:pPr lvl="0" rtl="0"/>
            <a:r>
              <a:rPr lang="en-GB"/>
              <a:t>Name</a:t>
            </a:r>
          </a:p>
        </p:txBody>
      </p:sp>
      <p:sp>
        <p:nvSpPr>
          <p:cNvPr id="64" name="Text Placeholder 60">
            <a:extLst>
              <a:ext uri="{FF2B5EF4-FFF2-40B4-BE49-F238E27FC236}">
                <a16:creationId xmlns:a16="http://schemas.microsoft.com/office/drawing/2014/main" id="{1465E516-2CEF-4F9E-9375-7D41DCFCBB41}"/>
              </a:ext>
            </a:extLst>
          </p:cNvPr>
          <p:cNvSpPr>
            <a:spLocks noGrp="1"/>
          </p:cNvSpPr>
          <p:nvPr>
            <p:ph type="body" sz="quarter" idx="19" hasCustomPrompt="1"/>
          </p:nvPr>
        </p:nvSpPr>
        <p:spPr>
          <a:xfrm>
            <a:off x="3838384" y="4232949"/>
            <a:ext cx="1711572" cy="638175"/>
          </a:xfrm>
        </p:spPr>
        <p:txBody>
          <a:bodyPr rtlCol="0">
            <a:noAutofit/>
          </a:bodyPr>
          <a:lstStyle>
            <a:lvl1pPr>
              <a:buNone/>
              <a:defRPr sz="1800"/>
            </a:lvl1pPr>
          </a:lstStyle>
          <a:p>
            <a:pPr lvl="0" rtl="0"/>
            <a:r>
              <a:rPr lang="en-GB"/>
              <a:t>Title</a:t>
            </a:r>
          </a:p>
        </p:txBody>
      </p:sp>
      <p:sp>
        <p:nvSpPr>
          <p:cNvPr id="67" name="Text Placeholder 62">
            <a:extLst>
              <a:ext uri="{FF2B5EF4-FFF2-40B4-BE49-F238E27FC236}">
                <a16:creationId xmlns:a16="http://schemas.microsoft.com/office/drawing/2014/main" id="{FE012CE3-36AA-4016-A88E-27BCFFEFD69F}"/>
              </a:ext>
            </a:extLst>
          </p:cNvPr>
          <p:cNvSpPr>
            <a:spLocks noGrp="1"/>
          </p:cNvSpPr>
          <p:nvPr>
            <p:ph type="body" sz="quarter" idx="22" hasCustomPrompt="1"/>
          </p:nvPr>
        </p:nvSpPr>
        <p:spPr>
          <a:xfrm>
            <a:off x="6662743" y="3781425"/>
            <a:ext cx="1711325" cy="365760"/>
          </a:xfrm>
        </p:spPr>
        <p:txBody>
          <a:bodyPr rtlCol="0">
            <a:noAutofit/>
          </a:bodyPr>
          <a:lstStyle>
            <a:lvl1pPr>
              <a:buNone/>
              <a:defRPr sz="2000" b="1"/>
            </a:lvl1pPr>
          </a:lstStyle>
          <a:p>
            <a:pPr lvl="0" rtl="0"/>
            <a:r>
              <a:rPr lang="en-GB"/>
              <a:t>Name</a:t>
            </a:r>
          </a:p>
        </p:txBody>
      </p:sp>
      <p:sp>
        <p:nvSpPr>
          <p:cNvPr id="66" name="Text Placeholder 60">
            <a:extLst>
              <a:ext uri="{FF2B5EF4-FFF2-40B4-BE49-F238E27FC236}">
                <a16:creationId xmlns:a16="http://schemas.microsoft.com/office/drawing/2014/main" id="{8D5671AF-0137-4226-8A84-2784817E519C}"/>
              </a:ext>
            </a:extLst>
          </p:cNvPr>
          <p:cNvSpPr>
            <a:spLocks noGrp="1"/>
          </p:cNvSpPr>
          <p:nvPr>
            <p:ph type="body" sz="quarter" idx="21" hasCustomPrompt="1"/>
          </p:nvPr>
        </p:nvSpPr>
        <p:spPr>
          <a:xfrm>
            <a:off x="6661976" y="4232949"/>
            <a:ext cx="1711572" cy="638175"/>
          </a:xfrm>
        </p:spPr>
        <p:txBody>
          <a:bodyPr rtlCol="0">
            <a:noAutofit/>
          </a:bodyPr>
          <a:lstStyle>
            <a:lvl1pPr>
              <a:buNone/>
              <a:defRPr sz="1800"/>
            </a:lvl1pPr>
          </a:lstStyle>
          <a:p>
            <a:pPr lvl="0" rtl="0"/>
            <a:r>
              <a:rPr lang="en-GB"/>
              <a:t>Title</a:t>
            </a:r>
          </a:p>
        </p:txBody>
      </p:sp>
      <p:sp>
        <p:nvSpPr>
          <p:cNvPr id="69" name="Text Placeholder 62">
            <a:extLst>
              <a:ext uri="{FF2B5EF4-FFF2-40B4-BE49-F238E27FC236}">
                <a16:creationId xmlns:a16="http://schemas.microsoft.com/office/drawing/2014/main" id="{DA1587F0-23BF-4FB8-B06C-2B0AA928E931}"/>
              </a:ext>
            </a:extLst>
          </p:cNvPr>
          <p:cNvSpPr>
            <a:spLocks noGrp="1"/>
          </p:cNvSpPr>
          <p:nvPr>
            <p:ph type="body" sz="quarter" idx="24" hasCustomPrompt="1"/>
          </p:nvPr>
        </p:nvSpPr>
        <p:spPr>
          <a:xfrm>
            <a:off x="9433112" y="3787288"/>
            <a:ext cx="1711325" cy="365760"/>
          </a:xfrm>
        </p:spPr>
        <p:txBody>
          <a:bodyPr rtlCol="0">
            <a:noAutofit/>
          </a:bodyPr>
          <a:lstStyle>
            <a:lvl1pPr>
              <a:buNone/>
              <a:defRPr sz="2000" b="1"/>
            </a:lvl1pPr>
          </a:lstStyle>
          <a:p>
            <a:pPr lvl="0" rtl="0"/>
            <a:r>
              <a:rPr lang="en-GB"/>
              <a:t>Name</a:t>
            </a:r>
          </a:p>
        </p:txBody>
      </p:sp>
      <p:sp>
        <p:nvSpPr>
          <p:cNvPr id="68" name="Text Placeholder 60">
            <a:extLst>
              <a:ext uri="{FF2B5EF4-FFF2-40B4-BE49-F238E27FC236}">
                <a16:creationId xmlns:a16="http://schemas.microsoft.com/office/drawing/2014/main" id="{565C0B22-B5E7-44BB-A17C-7FB5BB5D82BB}"/>
              </a:ext>
            </a:extLst>
          </p:cNvPr>
          <p:cNvSpPr>
            <a:spLocks noGrp="1"/>
          </p:cNvSpPr>
          <p:nvPr>
            <p:ph type="body" sz="quarter" idx="23" hasCustomPrompt="1"/>
          </p:nvPr>
        </p:nvSpPr>
        <p:spPr>
          <a:xfrm>
            <a:off x="9432345" y="4238812"/>
            <a:ext cx="1711572" cy="638175"/>
          </a:xfrm>
        </p:spPr>
        <p:txBody>
          <a:bodyPr rtlCol="0">
            <a:noAutofit/>
          </a:bodyPr>
          <a:lstStyle>
            <a:lvl1pPr>
              <a:buNone/>
              <a:defRPr sz="1800"/>
            </a:lvl1pPr>
          </a:lstStyle>
          <a:p>
            <a:pPr lvl="0" rtl="0"/>
            <a:r>
              <a:rPr lang="en-GB"/>
              <a:t>Title</a:t>
            </a:r>
          </a:p>
        </p:txBody>
      </p:sp>
      <p:sp>
        <p:nvSpPr>
          <p:cNvPr id="4" name="Date Placeholder 3">
            <a:extLst>
              <a:ext uri="{FF2B5EF4-FFF2-40B4-BE49-F238E27FC236}">
                <a16:creationId xmlns:a16="http://schemas.microsoft.com/office/drawing/2014/main" id="{D8661572-1A59-4E3B-BA65-3329E9468C69}"/>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AFEF84F1-99FE-4F0B-9E76-F581C2C1B6D9}"/>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97B2D769-16B1-43C4-BF14-3175533511ED}"/>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71577698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TxTwoObj" preserve="1">
  <p:cSld name="10_Content 2 column (comparison slide)">
    <p:spTree>
      <p:nvGrpSpPr>
        <p:cNvPr id="1" name=""/>
        <p:cNvGrpSpPr/>
        <p:nvPr/>
      </p:nvGrpSpPr>
      <p:grpSpPr>
        <a:xfrm>
          <a:off x="0" y="0"/>
          <a:ext cx="0" cy="0"/>
          <a:chOff x="0" y="0"/>
          <a:chExt cx="0" cy="0"/>
        </a:xfrm>
      </p:grpSpPr>
      <p:sp>
        <p:nvSpPr>
          <p:cNvPr id="12" name="Oval 11">
            <a:extLst>
              <a:ext uri="{FF2B5EF4-FFF2-40B4-BE49-F238E27FC236}">
                <a16:creationId xmlns:a16="http://schemas.microsoft.com/office/drawing/2014/main" id="{FD65A50E-2F73-4426-8586-9731AFA2D2E0}"/>
              </a:ext>
            </a:extLst>
          </p:cNvPr>
          <p:cNvSpPr>
            <a:spLocks noChangeAspect="1"/>
          </p:cNvSpPr>
          <p:nvPr/>
        </p:nvSpPr>
        <p:spPr>
          <a:xfrm>
            <a:off x="11091612" y="5893466"/>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Rectangle 10">
            <a:extLst>
              <a:ext uri="{FF2B5EF4-FFF2-40B4-BE49-F238E27FC236}">
                <a16:creationId xmlns:a16="http://schemas.microsoft.com/office/drawing/2014/main" id="{EB89C080-4102-49AE-BDA9-59A4A67E2486}"/>
              </a:ext>
            </a:extLst>
          </p:cNvPr>
          <p:cNvSpPr/>
          <p:nvPr/>
        </p:nvSpPr>
        <p:spPr>
          <a:xfrm>
            <a:off x="11451612" y="5827878"/>
            <a:ext cx="379049" cy="360000"/>
          </a:xfrm>
          <a:prstGeom prst="rect">
            <a:avLst/>
          </a:prstGeom>
          <a:solidFill>
            <a:schemeClr val="bg2">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2" name="Title 1">
            <a:extLst>
              <a:ext uri="{FF2B5EF4-FFF2-40B4-BE49-F238E27FC236}">
                <a16:creationId xmlns:a16="http://schemas.microsoft.com/office/drawing/2014/main" id="{DDE62014-F04C-495A-964E-6B888D49CDE9}"/>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GB" sz="4800" dirty="0"/>
            </a:lvl1pPr>
          </a:lstStyle>
          <a:p>
            <a:pPr lvl="0" rtl="0">
              <a:lnSpc>
                <a:spcPct val="100000"/>
              </a:lnSpc>
            </a:pPr>
            <a:r>
              <a:rPr lang="en-US"/>
              <a:t>Click to edit Master title style</a:t>
            </a:r>
            <a:endParaRPr lang="en-GB"/>
          </a:p>
        </p:txBody>
      </p:sp>
      <p:sp>
        <p:nvSpPr>
          <p:cNvPr id="3" name="Text Placeholder 2">
            <a:extLst>
              <a:ext uri="{FF2B5EF4-FFF2-40B4-BE49-F238E27FC236}">
                <a16:creationId xmlns:a16="http://schemas.microsoft.com/office/drawing/2014/main" id="{555DF027-E633-44EE-ACA0-C205930AA93E}"/>
              </a:ext>
            </a:extLst>
          </p:cNvPr>
          <p:cNvSpPr>
            <a:spLocks noGrp="1"/>
          </p:cNvSpPr>
          <p:nvPr>
            <p:ph type="body" idx="1"/>
          </p:nvPr>
        </p:nvSpPr>
        <p:spPr>
          <a:xfrm>
            <a:off x="550864" y="1731375"/>
            <a:ext cx="5437186" cy="535354"/>
          </a:xfrm>
        </p:spPr>
        <p:txBody>
          <a:bodyPr rtlCol="0" anchor="b">
            <a:noAutofit/>
          </a:bodyPr>
          <a:lstStyle>
            <a:lvl1pPr marL="0" indent="0">
              <a:buNone/>
              <a:defRPr sz="14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a:t>Click to edit Master text styles</a:t>
            </a:r>
          </a:p>
        </p:txBody>
      </p:sp>
      <p:sp>
        <p:nvSpPr>
          <p:cNvPr id="4" name="Content Placeholder 3">
            <a:extLst>
              <a:ext uri="{FF2B5EF4-FFF2-40B4-BE49-F238E27FC236}">
                <a16:creationId xmlns:a16="http://schemas.microsoft.com/office/drawing/2014/main" id="{9BA4F363-FEEF-4CD2-A18E-17AE8D485171}"/>
              </a:ext>
            </a:extLst>
          </p:cNvPr>
          <p:cNvSpPr>
            <a:spLocks noGrp="1"/>
          </p:cNvSpPr>
          <p:nvPr>
            <p:ph sz="half" idx="2"/>
          </p:nvPr>
        </p:nvSpPr>
        <p:spPr>
          <a:xfrm>
            <a:off x="550863" y="2427370"/>
            <a:ext cx="5429114" cy="3515555"/>
          </a:xfrm>
        </p:spPr>
        <p:txBody>
          <a:bodyPr rtlCol="0">
            <a:noAutofit/>
          </a:bodyPr>
          <a:lstStyle>
            <a:lvl1pPr>
              <a:defRPr sz="2400"/>
            </a:lvl1pPr>
            <a:lvl2pPr>
              <a:defRPr sz="1600"/>
            </a:lvl2pPr>
            <a:lvl3pPr>
              <a:defRPr sz="1600"/>
            </a:lvl3pPr>
            <a:lvl4pPr>
              <a:defRPr sz="1600"/>
            </a:lvl4pPr>
            <a:lvl5pPr>
              <a:defRPr sz="16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5" name="Text Placeholder 4">
            <a:extLst>
              <a:ext uri="{FF2B5EF4-FFF2-40B4-BE49-F238E27FC236}">
                <a16:creationId xmlns:a16="http://schemas.microsoft.com/office/drawing/2014/main" id="{34E50F8C-4D64-40FD-AE8C-6A1F3C2A84ED}"/>
              </a:ext>
            </a:extLst>
          </p:cNvPr>
          <p:cNvSpPr>
            <a:spLocks noGrp="1"/>
          </p:cNvSpPr>
          <p:nvPr>
            <p:ph type="body" sz="quarter" idx="3"/>
          </p:nvPr>
        </p:nvSpPr>
        <p:spPr>
          <a:xfrm>
            <a:off x="6212024" y="1731375"/>
            <a:ext cx="5436392" cy="535354"/>
          </a:xfrm>
        </p:spPr>
        <p:txBody>
          <a:bodyPr vert="horz" wrap="square" lIns="0" tIns="0" rIns="0" bIns="0" rtlCol="0" anchor="b">
            <a:noAutofit/>
          </a:bodyPr>
          <a:lstStyle>
            <a:lvl1pPr>
              <a:buNone/>
              <a:defRPr lang="en-GB" sz="1400" b="0" cap="all" spc="200" baseline="0" dirty="0">
                <a:solidFill>
                  <a:schemeClr val="tx1"/>
                </a:solidFill>
              </a:defRPr>
            </a:lvl1pPr>
          </a:lstStyle>
          <a:p>
            <a:pPr marL="228600" lvl="0" indent="-228600" rtl="0"/>
            <a:r>
              <a:rPr lang="en-US"/>
              <a:t>Click to edit Master text styles</a:t>
            </a:r>
          </a:p>
        </p:txBody>
      </p:sp>
      <p:sp>
        <p:nvSpPr>
          <p:cNvPr id="6" name="Content Placeholder 5">
            <a:extLst>
              <a:ext uri="{FF2B5EF4-FFF2-40B4-BE49-F238E27FC236}">
                <a16:creationId xmlns:a16="http://schemas.microsoft.com/office/drawing/2014/main" id="{A7AC943E-DB2B-40E0-907F-8EA1404791DE}"/>
              </a:ext>
            </a:extLst>
          </p:cNvPr>
          <p:cNvSpPr>
            <a:spLocks noGrp="1"/>
          </p:cNvSpPr>
          <p:nvPr>
            <p:ph sz="quarter" idx="4"/>
          </p:nvPr>
        </p:nvSpPr>
        <p:spPr>
          <a:xfrm>
            <a:off x="6212023" y="2427370"/>
            <a:ext cx="5436391" cy="3515555"/>
          </a:xfrm>
        </p:spPr>
        <p:txBody>
          <a:bodyPr rtlCol="0">
            <a:noAutofit/>
          </a:bodyPr>
          <a:lstStyle>
            <a:lvl1pPr>
              <a:defRPr sz="2400"/>
            </a:lvl1pPr>
            <a:lvl2pPr>
              <a:defRPr sz="1600"/>
            </a:lvl2pPr>
            <a:lvl3pPr>
              <a:defRPr sz="1600"/>
            </a:lvl3pPr>
            <a:lvl4pPr>
              <a:defRPr sz="1600"/>
            </a:lvl4pPr>
            <a:lvl5pPr>
              <a:defRPr sz="16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7" name="Date Placeholder 6">
            <a:extLst>
              <a:ext uri="{FF2B5EF4-FFF2-40B4-BE49-F238E27FC236}">
                <a16:creationId xmlns:a16="http://schemas.microsoft.com/office/drawing/2014/main" id="{DDCDCD5B-3F26-4AFA-8BD4-E5D8DD2AF494}"/>
              </a:ext>
            </a:extLst>
          </p:cNvPr>
          <p:cNvSpPr>
            <a:spLocks noGrp="1"/>
          </p:cNvSpPr>
          <p:nvPr>
            <p:ph type="dt" sz="half" idx="10"/>
          </p:nvPr>
        </p:nvSpPr>
        <p:spPr/>
        <p:txBody>
          <a:bodyPr rtlCol="0">
            <a:noAutofit/>
          </a:bodyPr>
          <a:lstStyle/>
          <a:p>
            <a:pPr rtl="0"/>
            <a:r>
              <a:rPr lang="en-GB"/>
              <a:t>Tuesday, February 2, 20XX</a:t>
            </a:r>
          </a:p>
        </p:txBody>
      </p:sp>
      <p:sp>
        <p:nvSpPr>
          <p:cNvPr id="8" name="Footer Placeholder 7">
            <a:extLst>
              <a:ext uri="{FF2B5EF4-FFF2-40B4-BE49-F238E27FC236}">
                <a16:creationId xmlns:a16="http://schemas.microsoft.com/office/drawing/2014/main" id="{3D10D1EE-83A0-4FB5-9B25-8A73DE891A87}"/>
              </a:ext>
            </a:extLst>
          </p:cNvPr>
          <p:cNvSpPr>
            <a:spLocks noGrp="1"/>
          </p:cNvSpPr>
          <p:nvPr>
            <p:ph type="ftr" sz="quarter" idx="11"/>
          </p:nvPr>
        </p:nvSpPr>
        <p:spPr/>
        <p:txBody>
          <a:bodyPr rtlCol="0">
            <a:noAutofit/>
          </a:bodyPr>
          <a:lstStyle/>
          <a:p>
            <a:pPr rtl="0"/>
            <a:r>
              <a:rPr lang="en-GB"/>
              <a:t>Sample Footer Text</a:t>
            </a:r>
          </a:p>
        </p:txBody>
      </p:sp>
      <p:sp>
        <p:nvSpPr>
          <p:cNvPr id="9" name="Slide Number Placeholder 8">
            <a:extLst>
              <a:ext uri="{FF2B5EF4-FFF2-40B4-BE49-F238E27FC236}">
                <a16:creationId xmlns:a16="http://schemas.microsoft.com/office/drawing/2014/main" id="{03031C35-2E5B-491D-85ED-DB42A4FE1623}"/>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67039233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2"/>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A8028302-E866-455D-8898-53623027543F}"/>
              </a:ext>
            </a:extLst>
          </p:cNvPr>
          <p:cNvSpPr>
            <a:spLocks noGrp="1"/>
          </p:cNvSpPr>
          <p:nvPr>
            <p:ph type="title"/>
          </p:nvPr>
        </p:nvSpPr>
        <p:spPr>
          <a:xfrm>
            <a:off x="550863" y="550800"/>
            <a:ext cx="11090275" cy="1333057"/>
          </a:xfrm>
          <a:prstGeom prst="rect">
            <a:avLst/>
          </a:prstGeom>
        </p:spPr>
        <p:txBody>
          <a:bodyPr vert="horz" wrap="square" lIns="0" tIns="0" rIns="0" bIns="0" rtlCol="0" anchor="t" anchorCtr="0">
            <a:noAutofit/>
          </a:bodyPr>
          <a:lstStyle/>
          <a:p>
            <a:pPr lvl="0" rtl="0">
              <a:lnSpc>
                <a:spcPct val="100000"/>
              </a:lnSpc>
            </a:pPr>
            <a:r>
              <a:rPr lang="en-US"/>
              <a:t>Click to edit Master title style</a:t>
            </a:r>
            <a:endParaRPr lang="en-GB" dirty="0"/>
          </a:p>
        </p:txBody>
      </p:sp>
      <p:sp>
        <p:nvSpPr>
          <p:cNvPr id="3" name="Text Placeholder 2">
            <a:extLst>
              <a:ext uri="{FF2B5EF4-FFF2-40B4-BE49-F238E27FC236}">
                <a16:creationId xmlns:a16="http://schemas.microsoft.com/office/drawing/2014/main" id="{BC94E72B-F0CF-4BC4-B509-A1C4508BE435}"/>
              </a:ext>
            </a:extLst>
          </p:cNvPr>
          <p:cNvSpPr>
            <a:spLocks noGrp="1"/>
          </p:cNvSpPr>
          <p:nvPr>
            <p:ph type="body" idx="1"/>
          </p:nvPr>
        </p:nvSpPr>
        <p:spPr>
          <a:xfrm>
            <a:off x="550863" y="2113862"/>
            <a:ext cx="11091600" cy="3978963"/>
          </a:xfrm>
          <a:prstGeom prst="rect">
            <a:avLst/>
          </a:prstGeom>
        </p:spPr>
        <p:txBody>
          <a:bodyPr vert="horz" wrap="square" lIns="0" tIns="0" rIns="0" bIns="0"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4" name="Date Placeholder 3">
            <a:extLst>
              <a:ext uri="{FF2B5EF4-FFF2-40B4-BE49-F238E27FC236}">
                <a16:creationId xmlns:a16="http://schemas.microsoft.com/office/drawing/2014/main" id="{34ACE49D-C22F-4540-AC09-E421D2A2EDBE}"/>
              </a:ext>
            </a:extLst>
          </p:cNvPr>
          <p:cNvSpPr>
            <a:spLocks noGrp="1"/>
          </p:cNvSpPr>
          <p:nvPr>
            <p:ph type="dt" sz="half" idx="2"/>
          </p:nvPr>
        </p:nvSpPr>
        <p:spPr>
          <a:xfrm>
            <a:off x="550863" y="6507212"/>
            <a:ext cx="262890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ACD5C3BE-317E-49E8-82B5-C8A7EC9C8A7E}"/>
              </a:ext>
            </a:extLst>
          </p:cNvPr>
          <p:cNvSpPr>
            <a:spLocks noGrp="1"/>
          </p:cNvSpPr>
          <p:nvPr>
            <p:ph type="ftr" sz="quarter" idx="3"/>
          </p:nvPr>
        </p:nvSpPr>
        <p:spPr>
          <a:xfrm>
            <a:off x="3359150" y="6507212"/>
            <a:ext cx="637921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pPr rtl="0"/>
            <a:r>
              <a:rPr lang="en-GB"/>
              <a:t>Sample Footer Text</a:t>
            </a:r>
            <a:endParaRPr lang="en-GB" dirty="0"/>
          </a:p>
        </p:txBody>
      </p:sp>
      <p:sp>
        <p:nvSpPr>
          <p:cNvPr id="6" name="Slide Number Placeholder 5">
            <a:extLst>
              <a:ext uri="{FF2B5EF4-FFF2-40B4-BE49-F238E27FC236}">
                <a16:creationId xmlns:a16="http://schemas.microsoft.com/office/drawing/2014/main" id="{45574E12-6C16-431F-B2CE-E4B15916BA05}"/>
              </a:ext>
            </a:extLst>
          </p:cNvPr>
          <p:cNvSpPr>
            <a:spLocks noGrp="1"/>
          </p:cNvSpPr>
          <p:nvPr>
            <p:ph type="sldNum" sz="quarter" idx="4"/>
          </p:nvPr>
        </p:nvSpPr>
        <p:spPr>
          <a:xfrm>
            <a:off x="9948863" y="6507212"/>
            <a:ext cx="1692274" cy="153888"/>
          </a:xfrm>
          <a:prstGeom prst="rect">
            <a:avLst/>
          </a:prstGeom>
        </p:spPr>
        <p:txBody>
          <a:bodyPr vert="horz" wrap="square" lIns="0" tIns="0" rIns="0" bIns="0" rtlCol="0" anchor="ctr">
            <a:spAutoFit/>
          </a:bodyPr>
          <a:lstStyle>
            <a:lvl1pPr algn="r">
              <a:defRPr sz="1000">
                <a:solidFill>
                  <a:schemeClr val="tx1">
                    <a:lumMod val="65000"/>
                    <a:alpha val="80000"/>
                  </a:schemeClr>
                </a:solidFill>
              </a:defRPr>
            </a:lvl1pPr>
          </a:lstStyle>
          <a:p>
            <a:pPr rtl="0"/>
            <a:fld id="{DBA1B0FB-D917-4C8C-928F-313BD683BF39}" type="slidenum">
              <a:rPr lang="en-GB" smtClean="0"/>
              <a:pPr/>
              <a:t>‹#›</a:t>
            </a:fld>
            <a:endParaRPr lang="en-GB"/>
          </a:p>
        </p:txBody>
      </p:sp>
    </p:spTree>
    <p:extLst>
      <p:ext uri="{BB962C8B-B14F-4D97-AF65-F5344CB8AC3E}">
        <p14:creationId xmlns:p14="http://schemas.microsoft.com/office/powerpoint/2010/main" val="2521255718"/>
      </p:ext>
    </p:extLst>
  </p:cSld>
  <p:clrMap bg1="dk1" tx1="lt1" bg2="dk2" tx2="lt2" accent1="accent1" accent2="accent2" accent3="accent3" accent4="accent4" accent5="accent5" accent6="accent6" hlink="hlink" folHlink="folHlink"/>
  <p:sldLayoutIdLst>
    <p:sldLayoutId id="2147483699" r:id="rId1"/>
    <p:sldLayoutId id="2147483700" r:id="rId2"/>
    <p:sldLayoutId id="2147483733" r:id="rId3"/>
    <p:sldLayoutId id="2147483687" r:id="rId4"/>
    <p:sldLayoutId id="2147483734" r:id="rId5"/>
    <p:sldLayoutId id="2147483686" r:id="rId6"/>
    <p:sldLayoutId id="2147483696" r:id="rId7"/>
    <p:sldLayoutId id="2147483707" r:id="rId8"/>
    <p:sldLayoutId id="2147483689" r:id="rId9"/>
    <p:sldLayoutId id="2147483697" r:id="rId10"/>
    <p:sldLayoutId id="2147483731" r:id="rId11"/>
    <p:sldLayoutId id="2147483693" r:id="rId12"/>
    <p:sldLayoutId id="2147483685" r:id="rId13"/>
    <p:sldLayoutId id="2147483688" r:id="rId14"/>
    <p:sldLayoutId id="2147483691" r:id="rId15"/>
    <p:sldLayoutId id="2147483692" r:id="rId16"/>
  </p:sldLayoutIdLst>
  <p:hf hdr="0"/>
  <p:txStyles>
    <p:titleStyle>
      <a:lvl1pPr algn="l" defTabSz="914400" rtl="0" eaLnBrk="1" latinLnBrk="0" hangingPunct="1">
        <a:lnSpc>
          <a:spcPct val="90000"/>
        </a:lnSpc>
        <a:spcBef>
          <a:spcPct val="0"/>
        </a:spcBef>
        <a:buNone/>
        <a:defRPr lang="en-GB" sz="4800" kern="1200" dirty="0">
          <a:solidFill>
            <a:schemeClr val="tx1"/>
          </a:solidFill>
          <a:latin typeface="+mj-lt"/>
          <a:ea typeface="+mj-ea"/>
          <a:cs typeface="+mj-cs"/>
        </a:defRPr>
      </a:lvl1pPr>
    </p:titleStyle>
    <p:bodyStyle>
      <a:lvl1pPr marL="228600" indent="-228600" algn="l" defTabSz="914400" rtl="0" eaLnBrk="1" latinLnBrk="0" hangingPunct="1">
        <a:lnSpc>
          <a:spcPct val="110000"/>
        </a:lnSpc>
        <a:spcBef>
          <a:spcPts val="1000"/>
        </a:spcBef>
        <a:spcAft>
          <a:spcPts val="800"/>
        </a:spcAft>
        <a:buFont typeface="Arial" panose="020B0604020202020204" pitchFamily="34" charset="0"/>
        <a:buChar char="•"/>
        <a:defRPr sz="2000" kern="1200">
          <a:solidFill>
            <a:schemeClr val="tx1">
              <a:alpha val="60000"/>
            </a:schemeClr>
          </a:solidFill>
          <a:latin typeface="+mn-lt"/>
          <a:ea typeface="+mn-ea"/>
          <a:cs typeface="+mn-cs"/>
        </a:defRPr>
      </a:lvl1pPr>
      <a:lvl2pPr marL="6858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2pPr>
      <a:lvl3pPr marL="11430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3pPr>
      <a:lvl4pPr marL="16002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4pPr>
      <a:lvl5pPr marL="20574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GB"/>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32" pos="3840">
          <p15:clr>
            <a:srgbClr val="F26B43"/>
          </p15:clr>
        </p15:guide>
        <p15:guide id="33" orient="horz" pos="2160">
          <p15:clr>
            <a:srgbClr val="F26B43"/>
          </p15:clr>
        </p15:guide>
        <p15:guide id="34" pos="347">
          <p15:clr>
            <a:srgbClr val="F26B43"/>
          </p15:clr>
        </p15:guide>
        <p15:guide id="35" pos="7333">
          <p15:clr>
            <a:srgbClr val="F26B43"/>
          </p15:clr>
        </p15:guide>
        <p15:guide id="36" orient="horz" pos="346">
          <p15:clr>
            <a:srgbClr val="F26B43"/>
          </p15:clr>
        </p15:guide>
        <p15:guide id="37" orient="horz" pos="3974">
          <p15:clr>
            <a:srgbClr val="F26B43"/>
          </p15:clr>
        </p15:guide>
        <p15:guide id="38" pos="824">
          <p15:clr>
            <a:srgbClr val="A4A3A4"/>
          </p15:clr>
        </p15:guide>
        <p15:guide id="39" pos="937">
          <p15:clr>
            <a:srgbClr val="A4A3A4"/>
          </p15:clr>
        </p15:guide>
        <p15:guide id="40" pos="1413">
          <p15:clr>
            <a:srgbClr val="A4A3A4"/>
          </p15:clr>
        </p15:guide>
        <p15:guide id="41" pos="1527">
          <p15:clr>
            <a:srgbClr val="A4A3A4"/>
          </p15:clr>
        </p15:guide>
        <p15:guide id="42" pos="2003">
          <p15:clr>
            <a:srgbClr val="A4A3A4"/>
          </p15:clr>
        </p15:guide>
        <p15:guide id="43" pos="2116">
          <p15:clr>
            <a:srgbClr val="A4A3A4"/>
          </p15:clr>
        </p15:guide>
        <p15:guide id="44" pos="2593">
          <p15:clr>
            <a:srgbClr val="A4A3A4"/>
          </p15:clr>
        </p15:guide>
        <p15:guide id="45" pos="2706">
          <p15:clr>
            <a:srgbClr val="A4A3A4"/>
          </p15:clr>
        </p15:guide>
        <p15:guide id="46" pos="3182">
          <p15:clr>
            <a:srgbClr val="A4A3A4"/>
          </p15:clr>
        </p15:guide>
        <p15:guide id="47" pos="3318">
          <p15:clr>
            <a:srgbClr val="A4A3A4"/>
          </p15:clr>
        </p15:guide>
        <p15:guide id="48" pos="3772">
          <p15:clr>
            <a:srgbClr val="A4A3A4"/>
          </p15:clr>
        </p15:guide>
        <p15:guide id="49" pos="3908">
          <p15:clr>
            <a:srgbClr val="A4A3A4"/>
          </p15:clr>
        </p15:guide>
        <p15:guide id="50" pos="4362">
          <p15:clr>
            <a:srgbClr val="A4A3A4"/>
          </p15:clr>
        </p15:guide>
        <p15:guide id="51" pos="4498">
          <p15:clr>
            <a:srgbClr val="A4A3A4"/>
          </p15:clr>
        </p15:guide>
        <p15:guide id="52" pos="4951">
          <p15:clr>
            <a:srgbClr val="A4A3A4"/>
          </p15:clr>
        </p15:guide>
        <p15:guide id="53" pos="5087">
          <p15:clr>
            <a:srgbClr val="A4A3A4"/>
          </p15:clr>
        </p15:guide>
        <p15:guide id="54" pos="5541">
          <p15:clr>
            <a:srgbClr val="A4A3A4"/>
          </p15:clr>
        </p15:guide>
        <p15:guide id="55" pos="5677">
          <p15:clr>
            <a:srgbClr val="A4A3A4"/>
          </p15:clr>
        </p15:guide>
        <p15:guide id="56" pos="6153">
          <p15:clr>
            <a:srgbClr val="A4A3A4"/>
          </p15:clr>
        </p15:guide>
        <p15:guide id="57" pos="6267">
          <p15:clr>
            <a:srgbClr val="A4A3A4"/>
          </p15:clr>
        </p15:guide>
        <p15:guide id="58" pos="6743">
          <p15:clr>
            <a:srgbClr val="A4A3A4"/>
          </p15:clr>
        </p15:guide>
        <p15:guide id="59" pos="6856">
          <p15:clr>
            <a:srgbClr val="A4A3A4"/>
          </p15:clr>
        </p15:guide>
        <p15:guide id="60" orient="horz" pos="3838">
          <p15:clr>
            <a:srgbClr val="A4A3A4"/>
          </p15:clr>
        </p15:guide>
        <p15:guide id="61" orient="horz" pos="2092">
          <p15:clr>
            <a:srgbClr val="A4A3A4"/>
          </p15:clr>
        </p15:guide>
        <p15:guide id="62" orient="horz" pos="2228">
          <p15:clr>
            <a:srgbClr val="A4A3A4"/>
          </p15:clr>
        </p15:guide>
        <p15:guide id="63" orient="horz" pos="845">
          <p15:clr>
            <a:srgbClr val="A4A3A4"/>
          </p15:clr>
        </p15:guide>
        <p15:guide id="64" orient="horz" pos="958">
          <p15:clr>
            <a:srgbClr val="A4A3A4"/>
          </p15:clr>
        </p15:guide>
        <p15:guide id="65" orient="horz" pos="1480">
          <p15:clr>
            <a:srgbClr val="A4A3A4"/>
          </p15:clr>
        </p15:guide>
        <p15:guide id="66" orient="horz" pos="1593">
          <p15:clr>
            <a:srgbClr val="A4A3A4"/>
          </p15:clr>
        </p15:guide>
        <p15:guide id="67" orient="horz" pos="2727">
          <p15:clr>
            <a:srgbClr val="A4A3A4"/>
          </p15:clr>
        </p15:guide>
        <p15:guide id="68" orient="horz" pos="2840">
          <p15:clr>
            <a:srgbClr val="A4A3A4"/>
          </p15:clr>
        </p15:guide>
        <p15:guide id="69" orient="horz" pos="3339">
          <p15:clr>
            <a:srgbClr val="A4A3A4"/>
          </p15:clr>
        </p15:guide>
        <p15:guide id="70" orient="horz" pos="3475">
          <p15:clr>
            <a:srgbClr val="A4A3A4"/>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0.xml"/><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9.xml"/></Relationships>
</file>

<file path=ppt/slides/_rels/slide1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2.xml"/><Relationship Id="rId1" Type="http://schemas.openxmlformats.org/officeDocument/2006/relationships/slideLayout" Target="../slideLayouts/slideLayout9.xml"/></Relationships>
</file>

<file path=ppt/slides/_rels/slide13.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3.xml"/><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14.xml"/><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5.xml"/><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16.xml"/><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17.xml"/><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9.xml"/></Relationships>
</file>

<file path=ppt/slides/_rels/slide19.xml.rels><?xml version="1.0" encoding="UTF-8" standalone="yes"?>
<Relationships xmlns="http://schemas.openxmlformats.org/package/2006/relationships"><Relationship Id="rId8" Type="http://schemas.openxmlformats.org/officeDocument/2006/relationships/image" Target="../media/image16.png"/><Relationship Id="rId13" Type="http://schemas.openxmlformats.org/officeDocument/2006/relationships/image" Target="../media/image21.png"/><Relationship Id="rId3" Type="http://schemas.openxmlformats.org/officeDocument/2006/relationships/image" Target="../media/image11.png"/><Relationship Id="rId7" Type="http://schemas.openxmlformats.org/officeDocument/2006/relationships/image" Target="../media/image15.png"/><Relationship Id="rId12" Type="http://schemas.openxmlformats.org/officeDocument/2006/relationships/image" Target="../media/image20.png"/><Relationship Id="rId2" Type="http://schemas.openxmlformats.org/officeDocument/2006/relationships/notesSlide" Target="../notesSlides/notesSlide19.xml"/><Relationship Id="rId1" Type="http://schemas.openxmlformats.org/officeDocument/2006/relationships/slideLayout" Target="../slideLayouts/slideLayout9.xml"/><Relationship Id="rId6" Type="http://schemas.openxmlformats.org/officeDocument/2006/relationships/image" Target="../media/image14.png"/><Relationship Id="rId11" Type="http://schemas.openxmlformats.org/officeDocument/2006/relationships/image" Target="../media/image19.png"/><Relationship Id="rId5" Type="http://schemas.openxmlformats.org/officeDocument/2006/relationships/image" Target="../media/image13.png"/><Relationship Id="rId10" Type="http://schemas.openxmlformats.org/officeDocument/2006/relationships/image" Target="../media/image18.png"/><Relationship Id="rId4" Type="http://schemas.openxmlformats.org/officeDocument/2006/relationships/image" Target="../media/image12.png"/><Relationship Id="rId9" Type="http://schemas.openxmlformats.org/officeDocument/2006/relationships/image" Target="../media/image17.png"/><Relationship Id="rId14" Type="http://schemas.openxmlformats.org/officeDocument/2006/relationships/image" Target="../media/image22.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20.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20.xml"/><Relationship Id="rId1" Type="http://schemas.openxmlformats.org/officeDocument/2006/relationships/slideLayout" Target="../slideLayouts/slideLayout9.xml"/><Relationship Id="rId4" Type="http://schemas.openxmlformats.org/officeDocument/2006/relationships/image" Target="../media/image24.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9.xml"/><Relationship Id="rId4" Type="http://schemas.openxmlformats.org/officeDocument/2006/relationships/image" Target="../media/image3.png"/></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5.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6.xml"/><Relationship Id="rId1" Type="http://schemas.openxmlformats.org/officeDocument/2006/relationships/slideLayout" Target="../slideLayouts/slideLayout9.xml"/><Relationship Id="rId5" Type="http://schemas.openxmlformats.org/officeDocument/2006/relationships/image" Target="../media/image8.png"/><Relationship Id="rId4" Type="http://schemas.openxmlformats.org/officeDocument/2006/relationships/image" Target="../media/image7.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9.xml"/></Relationships>
</file>

<file path=ppt/slides/_rels/slide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8.xml"/><Relationship Id="rId1" Type="http://schemas.openxmlformats.org/officeDocument/2006/relationships/slideLayout" Target="../slideLayouts/slideLayout9.xml"/></Relationships>
</file>

<file path=ppt/slides/_rels/slide9.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9.xml"/><Relationship Id="rId1" Type="http://schemas.openxmlformats.org/officeDocument/2006/relationships/slideLayout" Target="../slideLayouts/slideLayout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86E938C-9D94-4B05-979A-D39FFC457291}"/>
              </a:ext>
            </a:extLst>
          </p:cNvPr>
          <p:cNvSpPr>
            <a:spLocks noGrp="1"/>
          </p:cNvSpPr>
          <p:nvPr>
            <p:ph type="ctrTitle"/>
          </p:nvPr>
        </p:nvSpPr>
        <p:spPr>
          <a:xfrm>
            <a:off x="7999414" y="1051551"/>
            <a:ext cx="3565524" cy="2384898"/>
          </a:xfrm>
        </p:spPr>
        <p:txBody>
          <a:bodyPr rtlCol="0" anchor="b" anchorCtr="0">
            <a:normAutofit fontScale="90000"/>
          </a:bodyPr>
          <a:lstStyle/>
          <a:p>
            <a:pPr rtl="0"/>
            <a:r>
              <a:rPr lang="en-GB" dirty="0"/>
              <a:t>Graphics and Computational Programming</a:t>
            </a:r>
          </a:p>
        </p:txBody>
      </p:sp>
      <p:pic>
        <p:nvPicPr>
          <p:cNvPr id="14" name="Picture Placeholder 13" descr="Data Points Digital background">
            <a:extLst>
              <a:ext uri="{FF2B5EF4-FFF2-40B4-BE49-F238E27FC236}">
                <a16:creationId xmlns:a16="http://schemas.microsoft.com/office/drawing/2014/main" id="{9A8AD548-922D-4E1D-B19C-5F6E808B8160}"/>
              </a:ext>
            </a:extLst>
          </p:cNvPr>
          <p:cNvPicPr>
            <a:picLocks noGrp="1" noChangeAspect="1"/>
          </p:cNvPicPr>
          <p:nvPr>
            <p:ph type="pic" sz="quarter" idx="13"/>
          </p:nvPr>
        </p:nvPicPr>
        <p:blipFill rotWithShape="1">
          <a:blip r:embed="rId3" cstate="screen">
            <a:extLst>
              <a:ext uri="{28A0092B-C50C-407E-A947-70E740481C1C}">
                <a14:useLocalDpi xmlns:a14="http://schemas.microsoft.com/office/drawing/2010/main" val="0"/>
              </a:ext>
            </a:extLst>
          </a:blip>
          <a:srcRect/>
          <a:stretch/>
        </p:blipFill>
        <p:spPr>
          <a:xfrm>
            <a:off x="0" y="0"/>
            <a:ext cx="7452360" cy="6858000"/>
          </a:xfrm>
        </p:spPr>
      </p:pic>
      <p:sp>
        <p:nvSpPr>
          <p:cNvPr id="3" name="Subtitle 2">
            <a:extLst>
              <a:ext uri="{FF2B5EF4-FFF2-40B4-BE49-F238E27FC236}">
                <a16:creationId xmlns:a16="http://schemas.microsoft.com/office/drawing/2014/main" id="{D9A11267-FC52-4990-8D98-010AFABA5544}"/>
              </a:ext>
            </a:extLst>
          </p:cNvPr>
          <p:cNvSpPr>
            <a:spLocks noGrp="1"/>
          </p:cNvSpPr>
          <p:nvPr>
            <p:ph type="body" sz="quarter" idx="14"/>
          </p:nvPr>
        </p:nvSpPr>
        <p:spPr>
          <a:xfrm>
            <a:off x="7999413" y="3568700"/>
            <a:ext cx="3565524" cy="1731963"/>
          </a:xfrm>
        </p:spPr>
        <p:txBody>
          <a:bodyPr rtlCol="0">
            <a:normAutofit/>
          </a:bodyPr>
          <a:lstStyle/>
          <a:p>
            <a:pPr rtl="0"/>
            <a:r>
              <a:rPr lang="en-GB" dirty="0"/>
              <a:t>James Comer</a:t>
            </a:r>
          </a:p>
        </p:txBody>
      </p:sp>
    </p:spTree>
    <p:extLst>
      <p:ext uri="{BB962C8B-B14F-4D97-AF65-F5344CB8AC3E}">
        <p14:creationId xmlns:p14="http://schemas.microsoft.com/office/powerpoint/2010/main" val="75281428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5D4E5A0-F0CD-7F2E-5BD1-3DF152F624E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F4BA672-BA9D-7D7A-E72A-5D5A620372EB}"/>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7A21973-B8DB-7335-6BD1-D6DE703F0DB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F5E46E44-DDB0-62CF-C259-BD5230E281C7}"/>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EBB0882-AABC-FA4F-9EF8-70125A6158CF}"/>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6" name="Slide Number Placeholder 5">
            <a:extLst>
              <a:ext uri="{FF2B5EF4-FFF2-40B4-BE49-F238E27FC236}">
                <a16:creationId xmlns:a16="http://schemas.microsoft.com/office/drawing/2014/main" id="{D9C8C80B-D68F-7D1A-DDB4-6801F012E05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0</a:t>
            </a:fld>
            <a:endParaRPr lang="en-GB"/>
          </a:p>
        </p:txBody>
      </p:sp>
      <p:sp>
        <p:nvSpPr>
          <p:cNvPr id="22" name="Freeform: Shape 21">
            <a:extLst>
              <a:ext uri="{FF2B5EF4-FFF2-40B4-BE49-F238E27FC236}">
                <a16:creationId xmlns:a16="http://schemas.microsoft.com/office/drawing/2014/main" id="{C62A46C7-81E0-C80E-EBC5-ED7D65C4D6D9}"/>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127E311D-56FE-EAB3-5C30-4A25C469465C}"/>
              </a:ext>
            </a:extLst>
          </p:cNvPr>
          <p:cNvGraphicFramePr>
            <a:graphicFrameLocks/>
          </p:cNvGraphicFramePr>
          <p:nvPr>
            <p:extLst>
              <p:ext uri="{D42A27DB-BD31-4B8C-83A1-F6EECF244321}">
                <p14:modId xmlns:p14="http://schemas.microsoft.com/office/powerpoint/2010/main" val="2072493444"/>
              </p:ext>
            </p:extLst>
          </p:nvPr>
        </p:nvGraphicFramePr>
        <p:xfrm>
          <a:off x="361507" y="1509822"/>
          <a:ext cx="11097550" cy="515127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6889625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7307BDE-665E-6717-41D1-A65B81962539}"/>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A2924C1B-ED48-4551-362D-4473082E08E4}"/>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C7FB3CD0-33BD-27E3-B162-7938A996271C}"/>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12DCFA1-FA73-3EE7-D7A0-269E17FA584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67D96EDA-0165-5E68-AEBF-2ED1C06302D3}"/>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12" name="Content Placeholder 11">
            <a:extLst>
              <a:ext uri="{FF2B5EF4-FFF2-40B4-BE49-F238E27FC236}">
                <a16:creationId xmlns:a16="http://schemas.microsoft.com/office/drawing/2014/main" id="{D3825080-626A-701D-C644-076C65D04C26}"/>
              </a:ext>
            </a:extLst>
          </p:cNvPr>
          <p:cNvSpPr>
            <a:spLocks noGrp="1"/>
          </p:cNvSpPr>
          <p:nvPr>
            <p:ph sz="quarter" idx="4"/>
          </p:nvPr>
        </p:nvSpPr>
        <p:spPr>
          <a:xfrm>
            <a:off x="6212022" y="1990900"/>
            <a:ext cx="5436391" cy="3808325"/>
          </a:xfrm>
        </p:spPr>
        <p:txBody>
          <a:bodyPr rtlCol="0"/>
          <a:lstStyle/>
          <a:p>
            <a:pPr marL="0" indent="0">
              <a:buNone/>
            </a:pPr>
            <a:r>
              <a:rPr lang="en-US" altLang="en-US" b="1" dirty="0"/>
              <a:t>From 240 – 500 threads</a:t>
            </a:r>
          </a:p>
          <a:p>
            <a:r>
              <a:rPr lang="en-US" altLang="en-US" dirty="0"/>
              <a:t>The OS </a:t>
            </a:r>
            <a:r>
              <a:rPr lang="en-US" altLang="en-US" dirty="0" err="1"/>
              <a:t>stablises</a:t>
            </a:r>
            <a:r>
              <a:rPr lang="en-US" altLang="en-US" dirty="0"/>
              <a:t> its scheduling overhead and additional threads mostly remain idle waiting for an active thread to stop needing CPU time.</a:t>
            </a:r>
          </a:p>
        </p:txBody>
      </p:sp>
      <p:sp>
        <p:nvSpPr>
          <p:cNvPr id="6" name="Slide Number Placeholder 5">
            <a:extLst>
              <a:ext uri="{FF2B5EF4-FFF2-40B4-BE49-F238E27FC236}">
                <a16:creationId xmlns:a16="http://schemas.microsoft.com/office/drawing/2014/main" id="{1D83E9DD-E843-B6C8-37DE-98BCE629EF0C}"/>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1</a:t>
            </a:fld>
            <a:endParaRPr lang="en-GB"/>
          </a:p>
        </p:txBody>
      </p:sp>
      <p:sp>
        <p:nvSpPr>
          <p:cNvPr id="22" name="Freeform: Shape 21">
            <a:extLst>
              <a:ext uri="{FF2B5EF4-FFF2-40B4-BE49-F238E27FC236}">
                <a16:creationId xmlns:a16="http://schemas.microsoft.com/office/drawing/2014/main" id="{096722D9-4E7B-E8F4-DADF-CAA9C57862E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 name="Content Placeholder 11">
            <a:extLst>
              <a:ext uri="{FF2B5EF4-FFF2-40B4-BE49-F238E27FC236}">
                <a16:creationId xmlns:a16="http://schemas.microsoft.com/office/drawing/2014/main" id="{1E94407B-B58D-DB88-732B-BC30D791DB33}"/>
              </a:ext>
            </a:extLst>
          </p:cNvPr>
          <p:cNvSpPr txBox="1">
            <a:spLocks/>
          </p:cNvSpPr>
          <p:nvPr/>
        </p:nvSpPr>
        <p:spPr>
          <a:xfrm>
            <a:off x="762000" y="2033675"/>
            <a:ext cx="5436391" cy="3808325"/>
          </a:xfrm>
          <a:prstGeom prst="rect">
            <a:avLst/>
          </a:prstGeom>
        </p:spPr>
        <p:txBody>
          <a:bodyPr vert="horz" wrap="square" lIns="0" tIns="0" rIns="0" bIns="0" rtlCol="0">
            <a:noAutofit/>
          </a:bodyPr>
          <a:lstStyle>
            <a:lvl1pPr marL="228600" indent="-228600" algn="l" defTabSz="914400" rtl="0" eaLnBrk="1" latinLnBrk="0" hangingPunct="1">
              <a:lnSpc>
                <a:spcPct val="110000"/>
              </a:lnSpc>
              <a:spcBef>
                <a:spcPts val="1000"/>
              </a:spcBef>
              <a:spcAft>
                <a:spcPts val="800"/>
              </a:spcAft>
              <a:buFont typeface="Arial" panose="020B0604020202020204" pitchFamily="34" charset="0"/>
              <a:buChar char="•"/>
              <a:defRPr sz="2400" kern="1200">
                <a:solidFill>
                  <a:schemeClr val="tx1">
                    <a:alpha val="60000"/>
                  </a:schemeClr>
                </a:solidFill>
                <a:latin typeface="+mn-lt"/>
                <a:ea typeface="+mn-ea"/>
                <a:cs typeface="+mn-cs"/>
              </a:defRPr>
            </a:lvl1pPr>
            <a:lvl2pPr marL="685800" indent="-228600" algn="l" defTabSz="914400" rtl="0" eaLnBrk="1" latinLnBrk="0" hangingPunct="1">
              <a:lnSpc>
                <a:spcPct val="110000"/>
              </a:lnSpc>
              <a:spcBef>
                <a:spcPts val="500"/>
              </a:spcBef>
              <a:spcAft>
                <a:spcPts val="800"/>
              </a:spcAft>
              <a:buFont typeface="Arial" panose="020B0604020202020204" pitchFamily="34" charset="0"/>
              <a:buChar char="•"/>
              <a:defRPr sz="1600" kern="1200">
                <a:solidFill>
                  <a:schemeClr val="tx1">
                    <a:alpha val="60000"/>
                  </a:schemeClr>
                </a:solidFill>
                <a:latin typeface="+mn-lt"/>
                <a:ea typeface="+mn-ea"/>
                <a:cs typeface="+mn-cs"/>
              </a:defRPr>
            </a:lvl2pPr>
            <a:lvl3pPr marL="1143000" indent="-228600" algn="l" defTabSz="914400" rtl="0" eaLnBrk="1" latinLnBrk="0" hangingPunct="1">
              <a:lnSpc>
                <a:spcPct val="110000"/>
              </a:lnSpc>
              <a:spcBef>
                <a:spcPts val="500"/>
              </a:spcBef>
              <a:spcAft>
                <a:spcPts val="800"/>
              </a:spcAft>
              <a:buFont typeface="Arial" panose="020B0604020202020204" pitchFamily="34" charset="0"/>
              <a:buChar char="•"/>
              <a:defRPr sz="1600" kern="1200">
                <a:solidFill>
                  <a:schemeClr val="tx1">
                    <a:alpha val="60000"/>
                  </a:schemeClr>
                </a:solidFill>
                <a:latin typeface="+mn-lt"/>
                <a:ea typeface="+mn-ea"/>
                <a:cs typeface="+mn-cs"/>
              </a:defRPr>
            </a:lvl3pPr>
            <a:lvl4pPr marL="1600200" indent="-228600" algn="l" defTabSz="914400" rtl="0" eaLnBrk="1" latinLnBrk="0" hangingPunct="1">
              <a:lnSpc>
                <a:spcPct val="110000"/>
              </a:lnSpc>
              <a:spcBef>
                <a:spcPts val="500"/>
              </a:spcBef>
              <a:spcAft>
                <a:spcPts val="800"/>
              </a:spcAft>
              <a:buFont typeface="Arial" panose="020B0604020202020204" pitchFamily="34" charset="0"/>
              <a:buChar char="•"/>
              <a:defRPr sz="1600" kern="1200">
                <a:solidFill>
                  <a:schemeClr val="tx1">
                    <a:alpha val="60000"/>
                  </a:schemeClr>
                </a:solidFill>
                <a:latin typeface="+mn-lt"/>
                <a:ea typeface="+mn-ea"/>
                <a:cs typeface="+mn-cs"/>
              </a:defRPr>
            </a:lvl4pPr>
            <a:lvl5pPr marL="2057400" indent="-228600" algn="l" defTabSz="914400" rtl="0" eaLnBrk="1" latinLnBrk="0" hangingPunct="1">
              <a:lnSpc>
                <a:spcPct val="110000"/>
              </a:lnSpc>
              <a:spcBef>
                <a:spcPts val="500"/>
              </a:spcBef>
              <a:spcAft>
                <a:spcPts val="800"/>
              </a:spcAft>
              <a:buFont typeface="Arial" panose="020B0604020202020204" pitchFamily="34" charset="0"/>
              <a:buChar char="•"/>
              <a:defRPr sz="1600" kern="1200">
                <a:solidFill>
                  <a:schemeClr val="tx1">
                    <a:alpha val="60000"/>
                  </a:schemeClr>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en-US" altLang="en-US" b="1"/>
              <a:t>From 37 – 239 threads</a:t>
            </a:r>
          </a:p>
          <a:p>
            <a:r>
              <a:rPr lang="en-US" altLang="en-US"/>
              <a:t>Number of threads exceeds the number of logical processors leading to more context switching as the OS shares CPU time among threads.</a:t>
            </a:r>
            <a:endParaRPr lang="en-US" altLang="en-US" dirty="0"/>
          </a:p>
        </p:txBody>
      </p:sp>
    </p:spTree>
    <p:extLst>
      <p:ext uri="{BB962C8B-B14F-4D97-AF65-F5344CB8AC3E}">
        <p14:creationId xmlns:p14="http://schemas.microsoft.com/office/powerpoint/2010/main" val="208719164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0CF6744-977A-84F1-B9A6-92A6A2480462}"/>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8A6AF2BC-4709-4DCC-4B61-4532AE30EBF6}"/>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F183CDEB-E4D8-7BC8-B192-332DFACF2CCD}"/>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AE770C0B-D291-E0F4-623A-ACB193D90BA5}"/>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20CF599-4B36-ED57-4359-169E4B04ED74}"/>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10" name="Content Placeholder 9">
            <a:extLst>
              <a:ext uri="{FF2B5EF4-FFF2-40B4-BE49-F238E27FC236}">
                <a16:creationId xmlns:a16="http://schemas.microsoft.com/office/drawing/2014/main" id="{9652B8F0-69AD-7684-F819-B1CD5777EA44}"/>
              </a:ext>
            </a:extLst>
          </p:cNvPr>
          <p:cNvSpPr>
            <a:spLocks noGrp="1"/>
          </p:cNvSpPr>
          <p:nvPr>
            <p:ph sz="half" idx="2"/>
          </p:nvPr>
        </p:nvSpPr>
        <p:spPr>
          <a:xfrm>
            <a:off x="550864" y="1881275"/>
            <a:ext cx="5429114" cy="3515555"/>
          </a:xfrm>
        </p:spPr>
        <p:txBody>
          <a:bodyPr rtlCol="0"/>
          <a:lstStyle/>
          <a:p>
            <a:r>
              <a:rPr lang="en-GB" dirty="0"/>
              <a:t>Using scene 1 with 64 ambient occlusion samples with a split of 1.</a:t>
            </a:r>
          </a:p>
          <a:p>
            <a:r>
              <a:rPr lang="en-GB" dirty="0"/>
              <a:t>Tested continuous number of tasks (up to 256) against set number of threads.</a:t>
            </a:r>
          </a:p>
        </p:txBody>
      </p:sp>
      <p:sp>
        <p:nvSpPr>
          <p:cNvPr id="6" name="Slide Number Placeholder 5">
            <a:extLst>
              <a:ext uri="{FF2B5EF4-FFF2-40B4-BE49-F238E27FC236}">
                <a16:creationId xmlns:a16="http://schemas.microsoft.com/office/drawing/2014/main" id="{203D209A-51B4-E7F6-6BC2-4070F3846D4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2</a:t>
            </a:fld>
            <a:endParaRPr lang="en-GB"/>
          </a:p>
        </p:txBody>
      </p:sp>
      <p:sp>
        <p:nvSpPr>
          <p:cNvPr id="22" name="Freeform: Shape 21">
            <a:extLst>
              <a:ext uri="{FF2B5EF4-FFF2-40B4-BE49-F238E27FC236}">
                <a16:creationId xmlns:a16="http://schemas.microsoft.com/office/drawing/2014/main" id="{EE191939-4CB3-AF4C-DCFA-957C977F78D9}"/>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2" name="Content Placeholder 2">
            <a:extLst>
              <a:ext uri="{FF2B5EF4-FFF2-40B4-BE49-F238E27FC236}">
                <a16:creationId xmlns:a16="http://schemas.microsoft.com/office/drawing/2014/main" id="{65255BA7-A7C0-D566-0FFB-3CE0CCE6C935}"/>
              </a:ext>
            </a:extLst>
          </p:cNvPr>
          <p:cNvPicPr>
            <a:picLocks noGrp="1" noChangeAspect="1"/>
          </p:cNvPicPr>
          <p:nvPr>
            <p:ph sz="quarter" idx="4"/>
          </p:nvPr>
        </p:nvPicPr>
        <p:blipFill>
          <a:blip r:embed="rId3"/>
          <a:stretch>
            <a:fillRect/>
          </a:stretch>
        </p:blipFill>
        <p:spPr>
          <a:xfrm>
            <a:off x="6316457" y="1816655"/>
            <a:ext cx="5429114" cy="4050562"/>
          </a:xfrm>
        </p:spPr>
      </p:pic>
    </p:spTree>
    <p:extLst>
      <p:ext uri="{BB962C8B-B14F-4D97-AF65-F5344CB8AC3E}">
        <p14:creationId xmlns:p14="http://schemas.microsoft.com/office/powerpoint/2010/main" val="394003796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D3D7A2E-C76F-DC5E-00AF-6424FAB6787E}"/>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8B488FCC-AF80-2765-6BAF-28A42FB34A96}"/>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FC08ACE-20DA-E8B4-6845-83D111DFCA16}"/>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C4FE7A79-0672-8E83-5F9C-1589B9E8103A}"/>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60A725E8-EB22-8C1D-367F-626AC871610A}"/>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6" name="Slide Number Placeholder 5">
            <a:extLst>
              <a:ext uri="{FF2B5EF4-FFF2-40B4-BE49-F238E27FC236}">
                <a16:creationId xmlns:a16="http://schemas.microsoft.com/office/drawing/2014/main" id="{49AEE7DA-74CC-F261-58B3-832EE24FAF86}"/>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3</a:t>
            </a:fld>
            <a:endParaRPr lang="en-GB"/>
          </a:p>
        </p:txBody>
      </p:sp>
      <p:sp>
        <p:nvSpPr>
          <p:cNvPr id="22" name="Freeform: Shape 21">
            <a:extLst>
              <a:ext uri="{FF2B5EF4-FFF2-40B4-BE49-F238E27FC236}">
                <a16:creationId xmlns:a16="http://schemas.microsoft.com/office/drawing/2014/main" id="{0F713409-29F2-A337-F0D5-F551D06E7C4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130A7985-2FA6-1666-9FE6-21C8BBE19A1E}"/>
              </a:ext>
            </a:extLst>
          </p:cNvPr>
          <p:cNvGraphicFramePr>
            <a:graphicFrameLocks/>
          </p:cNvGraphicFramePr>
          <p:nvPr>
            <p:extLst>
              <p:ext uri="{D42A27DB-BD31-4B8C-83A1-F6EECF244321}">
                <p14:modId xmlns:p14="http://schemas.microsoft.com/office/powerpoint/2010/main" val="1560093288"/>
              </p:ext>
            </p:extLst>
          </p:nvPr>
        </p:nvGraphicFramePr>
        <p:xfrm>
          <a:off x="276446" y="1296139"/>
          <a:ext cx="11215571" cy="536496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7957105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BA54C52-26A7-0875-C531-A1BB088E657A}"/>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67E0940D-2131-AD05-9E81-501FAC107CDE}"/>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6AE87CB-0342-3DD9-1221-5FF60EC854B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0EB32033-3755-BFD5-309F-4AB0D5EF08AD}"/>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3EFE6BB-F9D7-6BDF-32E4-8752B3A222CE}"/>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6" name="Slide Number Placeholder 5">
            <a:extLst>
              <a:ext uri="{FF2B5EF4-FFF2-40B4-BE49-F238E27FC236}">
                <a16:creationId xmlns:a16="http://schemas.microsoft.com/office/drawing/2014/main" id="{9C703FE4-9B24-8B8C-2919-2CBFCAF701E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4</a:t>
            </a:fld>
            <a:endParaRPr lang="en-GB"/>
          </a:p>
        </p:txBody>
      </p:sp>
      <p:sp>
        <p:nvSpPr>
          <p:cNvPr id="22" name="Freeform: Shape 21">
            <a:extLst>
              <a:ext uri="{FF2B5EF4-FFF2-40B4-BE49-F238E27FC236}">
                <a16:creationId xmlns:a16="http://schemas.microsoft.com/office/drawing/2014/main" id="{3751BFC8-97C1-D1C1-24D4-2FCD3C1E0B65}"/>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3" name="Chart 2">
            <a:extLst>
              <a:ext uri="{FF2B5EF4-FFF2-40B4-BE49-F238E27FC236}">
                <a16:creationId xmlns:a16="http://schemas.microsoft.com/office/drawing/2014/main" id="{9B381A0A-A8AF-4155-BD29-DB8EC41BD5BC}"/>
              </a:ext>
            </a:extLst>
          </p:cNvPr>
          <p:cNvGraphicFramePr>
            <a:graphicFrameLocks/>
          </p:cNvGraphicFramePr>
          <p:nvPr>
            <p:extLst>
              <p:ext uri="{D42A27DB-BD31-4B8C-83A1-F6EECF244321}">
                <p14:modId xmlns:p14="http://schemas.microsoft.com/office/powerpoint/2010/main" val="922350004"/>
              </p:ext>
            </p:extLst>
          </p:nvPr>
        </p:nvGraphicFramePr>
        <p:xfrm>
          <a:off x="350873" y="1297172"/>
          <a:ext cx="11015331" cy="53639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86123946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7B1F0B2-B333-6EB9-97B4-2C48188B6102}"/>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2A4F0791-7CF0-9A9B-50E5-536F82CEC438}"/>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1FE3EA4F-D094-BC0F-044D-075FEBEBC485}"/>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7F453394-6920-22CE-3B39-C7AA55D3A261}"/>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5C33378A-6EDC-45B1-9402-F87621A50E62}"/>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10" name="Content Placeholder 9">
            <a:extLst>
              <a:ext uri="{FF2B5EF4-FFF2-40B4-BE49-F238E27FC236}">
                <a16:creationId xmlns:a16="http://schemas.microsoft.com/office/drawing/2014/main" id="{238D5B9F-0041-F1E5-9D0C-E07EC6A3498A}"/>
              </a:ext>
            </a:extLst>
          </p:cNvPr>
          <p:cNvSpPr>
            <a:spLocks noGrp="1"/>
          </p:cNvSpPr>
          <p:nvPr>
            <p:ph sz="half" idx="2"/>
          </p:nvPr>
        </p:nvSpPr>
        <p:spPr>
          <a:xfrm>
            <a:off x="550864" y="1881275"/>
            <a:ext cx="5429114" cy="3515555"/>
          </a:xfrm>
        </p:spPr>
        <p:txBody>
          <a:bodyPr rtlCol="0"/>
          <a:lstStyle/>
          <a:p>
            <a:r>
              <a:rPr lang="en-GB" dirty="0"/>
              <a:t>Tested different ambient occlusion sample sizes, as well as different number of splits on scene 2 and then scene 1 to see the difference in frame time between differently split samples, and then see how the percentage change differs on a different scene.</a:t>
            </a:r>
          </a:p>
          <a:p>
            <a:r>
              <a:rPr lang="en-GB" dirty="0"/>
              <a:t>Tests done with 24 threads and 24 tasks.</a:t>
            </a:r>
          </a:p>
        </p:txBody>
      </p:sp>
      <p:pic>
        <p:nvPicPr>
          <p:cNvPr id="3" name="Content Placeholder 2">
            <a:extLst>
              <a:ext uri="{FF2B5EF4-FFF2-40B4-BE49-F238E27FC236}">
                <a16:creationId xmlns:a16="http://schemas.microsoft.com/office/drawing/2014/main" id="{46736C1A-95C5-D452-2105-0A2273CEAA54}"/>
              </a:ext>
            </a:extLst>
          </p:cNvPr>
          <p:cNvPicPr>
            <a:picLocks noGrp="1" noChangeAspect="1"/>
          </p:cNvPicPr>
          <p:nvPr>
            <p:ph sz="quarter" idx="4"/>
          </p:nvPr>
        </p:nvPicPr>
        <p:blipFill>
          <a:blip r:embed="rId3"/>
          <a:stretch>
            <a:fillRect/>
          </a:stretch>
        </p:blipFill>
        <p:spPr>
          <a:xfrm>
            <a:off x="6096000" y="1461170"/>
            <a:ext cx="5785123" cy="4361512"/>
          </a:xfrm>
        </p:spPr>
      </p:pic>
      <p:sp>
        <p:nvSpPr>
          <p:cNvPr id="6" name="Slide Number Placeholder 5">
            <a:extLst>
              <a:ext uri="{FF2B5EF4-FFF2-40B4-BE49-F238E27FC236}">
                <a16:creationId xmlns:a16="http://schemas.microsoft.com/office/drawing/2014/main" id="{C905AD08-EE25-8282-53D9-72E24945BF6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5</a:t>
            </a:fld>
            <a:endParaRPr lang="en-GB"/>
          </a:p>
        </p:txBody>
      </p:sp>
      <p:sp>
        <p:nvSpPr>
          <p:cNvPr id="22" name="Freeform: Shape 21">
            <a:extLst>
              <a:ext uri="{FF2B5EF4-FFF2-40B4-BE49-F238E27FC236}">
                <a16:creationId xmlns:a16="http://schemas.microsoft.com/office/drawing/2014/main" id="{10F1CCED-1904-2B1D-2D81-9B73F1F87E1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37145494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B38A956-BAAE-ACEC-EF66-93591FEC390C}"/>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784FF90-35A4-B0F9-5395-BF655B7C6987}"/>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600EF44-72D1-A80B-0B14-FCFB9DA5270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ECDBB47-3379-5805-74AE-D75D6F282F29}"/>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9C3A8DE-37BB-8141-B2B7-96047FBE1C2E}"/>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25578FB4-F55F-5B29-44F9-B66826B6AA10}"/>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6</a:t>
            </a:fld>
            <a:endParaRPr lang="en-GB"/>
          </a:p>
        </p:txBody>
      </p:sp>
      <p:sp>
        <p:nvSpPr>
          <p:cNvPr id="22" name="Freeform: Shape 21">
            <a:extLst>
              <a:ext uri="{FF2B5EF4-FFF2-40B4-BE49-F238E27FC236}">
                <a16:creationId xmlns:a16="http://schemas.microsoft.com/office/drawing/2014/main" id="{1C86D3AA-B423-9ACD-6536-74C78D043867}"/>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3" name="Chart 2">
            <a:extLst>
              <a:ext uri="{FF2B5EF4-FFF2-40B4-BE49-F238E27FC236}">
                <a16:creationId xmlns:a16="http://schemas.microsoft.com/office/drawing/2014/main" id="{D5310D26-3AFE-F517-4D11-FB0529EB2FBF}"/>
              </a:ext>
            </a:extLst>
          </p:cNvPr>
          <p:cNvGraphicFramePr>
            <a:graphicFrameLocks/>
          </p:cNvGraphicFramePr>
          <p:nvPr>
            <p:extLst>
              <p:ext uri="{D42A27DB-BD31-4B8C-83A1-F6EECF244321}">
                <p14:modId xmlns:p14="http://schemas.microsoft.com/office/powerpoint/2010/main" val="2885552377"/>
              </p:ext>
            </p:extLst>
          </p:nvPr>
        </p:nvGraphicFramePr>
        <p:xfrm>
          <a:off x="543587" y="1329071"/>
          <a:ext cx="10801353" cy="517814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0853971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A16194B-A192-2C33-8B71-167A0790931A}"/>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ED7DC868-F129-1E7B-52D2-8B48ED229082}"/>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273E944D-C71D-6FD7-F321-03C67B3EFDC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79BEFF24-8941-00EC-8034-23975C0596A4}"/>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396BA615-4274-901C-6B33-9EA06086D41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58A080DE-EA50-1A76-C931-C01DF484DEF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7</a:t>
            </a:fld>
            <a:endParaRPr lang="en-GB"/>
          </a:p>
        </p:txBody>
      </p:sp>
      <p:sp>
        <p:nvSpPr>
          <p:cNvPr id="22" name="Freeform: Shape 21">
            <a:extLst>
              <a:ext uri="{FF2B5EF4-FFF2-40B4-BE49-F238E27FC236}">
                <a16:creationId xmlns:a16="http://schemas.microsoft.com/office/drawing/2014/main" id="{61C661F4-1D40-BB91-5E49-16F7FCF1820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CC5DCBDF-F0B2-7803-1B45-5779C610A4A3}"/>
              </a:ext>
            </a:extLst>
          </p:cNvPr>
          <p:cNvGraphicFramePr>
            <a:graphicFrameLocks/>
          </p:cNvGraphicFramePr>
          <p:nvPr>
            <p:extLst>
              <p:ext uri="{D42A27DB-BD31-4B8C-83A1-F6EECF244321}">
                <p14:modId xmlns:p14="http://schemas.microsoft.com/office/powerpoint/2010/main" val="2621619716"/>
              </p:ext>
            </p:extLst>
          </p:nvPr>
        </p:nvGraphicFramePr>
        <p:xfrm>
          <a:off x="340241" y="1297172"/>
          <a:ext cx="11097551" cy="53639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39737991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graphicFrame>
        <p:nvGraphicFramePr>
          <p:cNvPr id="5" name="Table 7">
            <a:extLst>
              <a:ext uri="{FF2B5EF4-FFF2-40B4-BE49-F238E27FC236}">
                <a16:creationId xmlns:a16="http://schemas.microsoft.com/office/drawing/2014/main" id="{ABC5E54C-92EC-1CAA-5189-47A8E9FFF82F}"/>
              </a:ext>
            </a:extLst>
          </p:cNvPr>
          <p:cNvGraphicFramePr>
            <a:graphicFrameLocks noGrp="1"/>
          </p:cNvGraphicFramePr>
          <p:nvPr>
            <p:ph sz="half" idx="2"/>
            <p:extLst>
              <p:ext uri="{D42A27DB-BD31-4B8C-83A1-F6EECF244321}">
                <p14:modId xmlns:p14="http://schemas.microsoft.com/office/powerpoint/2010/main" val="1686325579"/>
              </p:ext>
            </p:extLst>
          </p:nvPr>
        </p:nvGraphicFramePr>
        <p:xfrm>
          <a:off x="3080544" y="2405908"/>
          <a:ext cx="6030912" cy="1656080"/>
        </p:xfrm>
        <a:graphic>
          <a:graphicData uri="http://schemas.openxmlformats.org/drawingml/2006/table">
            <a:tbl>
              <a:tblPr firstRow="1" bandRow="1">
                <a:tableStyleId>{5C22544A-7EE6-4342-B048-85BDC9FD1C3A}</a:tableStyleId>
              </a:tblPr>
              <a:tblGrid>
                <a:gridCol w="1507728">
                  <a:extLst>
                    <a:ext uri="{9D8B030D-6E8A-4147-A177-3AD203B41FA5}">
                      <a16:colId xmlns:a16="http://schemas.microsoft.com/office/drawing/2014/main" val="2393284594"/>
                    </a:ext>
                  </a:extLst>
                </a:gridCol>
                <a:gridCol w="1507728">
                  <a:extLst>
                    <a:ext uri="{9D8B030D-6E8A-4147-A177-3AD203B41FA5}">
                      <a16:colId xmlns:a16="http://schemas.microsoft.com/office/drawing/2014/main" val="3134999437"/>
                    </a:ext>
                  </a:extLst>
                </a:gridCol>
                <a:gridCol w="1507728">
                  <a:extLst>
                    <a:ext uri="{9D8B030D-6E8A-4147-A177-3AD203B41FA5}">
                      <a16:colId xmlns:a16="http://schemas.microsoft.com/office/drawing/2014/main" val="2935375571"/>
                    </a:ext>
                  </a:extLst>
                </a:gridCol>
                <a:gridCol w="1507728">
                  <a:extLst>
                    <a:ext uri="{9D8B030D-6E8A-4147-A177-3AD203B41FA5}">
                      <a16:colId xmlns:a16="http://schemas.microsoft.com/office/drawing/2014/main" val="2762737684"/>
                    </a:ext>
                  </a:extLst>
                </a:gridCol>
              </a:tblGrid>
              <a:tr h="370840">
                <a:tc>
                  <a:txBody>
                    <a:bodyPr/>
                    <a:lstStyle/>
                    <a:p>
                      <a:r>
                        <a:rPr lang="en-GB" dirty="0"/>
                        <a:t>Percentage change from splits</a:t>
                      </a:r>
                    </a:p>
                  </a:txBody>
                  <a:tcPr/>
                </a:tc>
                <a:tc>
                  <a:txBody>
                    <a:bodyPr/>
                    <a:lstStyle/>
                    <a:p>
                      <a:r>
                        <a:rPr lang="en-GB" dirty="0"/>
                        <a:t>1 to 2</a:t>
                      </a:r>
                    </a:p>
                  </a:txBody>
                  <a:tcPr/>
                </a:tc>
                <a:tc>
                  <a:txBody>
                    <a:bodyPr/>
                    <a:lstStyle/>
                    <a:p>
                      <a:r>
                        <a:rPr lang="en-GB" dirty="0"/>
                        <a:t>1 to 3</a:t>
                      </a:r>
                    </a:p>
                  </a:txBody>
                  <a:tcPr/>
                </a:tc>
                <a:tc>
                  <a:txBody>
                    <a:bodyPr/>
                    <a:lstStyle/>
                    <a:p>
                      <a:r>
                        <a:rPr lang="en-GB" dirty="0"/>
                        <a:t>2 to 3</a:t>
                      </a:r>
                    </a:p>
                  </a:txBody>
                  <a:tcPr/>
                </a:tc>
                <a:extLst>
                  <a:ext uri="{0D108BD9-81ED-4DB2-BD59-A6C34878D82A}">
                    <a16:rowId xmlns:a16="http://schemas.microsoft.com/office/drawing/2014/main" val="3922294731"/>
                  </a:ext>
                </a:extLst>
              </a:tr>
              <a:tr h="370840">
                <a:tc>
                  <a:txBody>
                    <a:bodyPr/>
                    <a:lstStyle/>
                    <a:p>
                      <a:r>
                        <a:rPr lang="en-GB" dirty="0"/>
                        <a:t>Scene 1</a:t>
                      </a:r>
                    </a:p>
                  </a:txBody>
                  <a:tcPr/>
                </a:tc>
                <a:tc>
                  <a:txBody>
                    <a:bodyPr/>
                    <a:lstStyle/>
                    <a:p>
                      <a:r>
                        <a:rPr lang="en-GB" dirty="0"/>
                        <a:t>37.62</a:t>
                      </a:r>
                    </a:p>
                  </a:txBody>
                  <a:tcPr/>
                </a:tc>
                <a:tc>
                  <a:txBody>
                    <a:bodyPr/>
                    <a:lstStyle/>
                    <a:p>
                      <a:r>
                        <a:rPr lang="en-GB" dirty="0"/>
                        <a:t>48.75</a:t>
                      </a:r>
                    </a:p>
                  </a:txBody>
                  <a:tcPr/>
                </a:tc>
                <a:tc>
                  <a:txBody>
                    <a:bodyPr/>
                    <a:lstStyle/>
                    <a:p>
                      <a:r>
                        <a:rPr lang="en-GB" dirty="0"/>
                        <a:t>17.84</a:t>
                      </a:r>
                    </a:p>
                  </a:txBody>
                  <a:tcPr/>
                </a:tc>
                <a:extLst>
                  <a:ext uri="{0D108BD9-81ED-4DB2-BD59-A6C34878D82A}">
                    <a16:rowId xmlns:a16="http://schemas.microsoft.com/office/drawing/2014/main" val="1014030133"/>
                  </a:ext>
                </a:extLst>
              </a:tr>
              <a:tr h="370840">
                <a:tc>
                  <a:txBody>
                    <a:bodyPr/>
                    <a:lstStyle/>
                    <a:p>
                      <a:r>
                        <a:rPr lang="en-GB" dirty="0"/>
                        <a:t>Scene 2</a:t>
                      </a:r>
                    </a:p>
                  </a:txBody>
                  <a:tcPr/>
                </a:tc>
                <a:tc>
                  <a:txBody>
                    <a:bodyPr/>
                    <a:lstStyle/>
                    <a:p>
                      <a:r>
                        <a:rPr lang="en-GB" dirty="0"/>
                        <a:t>11.70</a:t>
                      </a:r>
                    </a:p>
                  </a:txBody>
                  <a:tcPr/>
                </a:tc>
                <a:tc>
                  <a:txBody>
                    <a:bodyPr/>
                    <a:lstStyle/>
                    <a:p>
                      <a:r>
                        <a:rPr lang="en-GB" dirty="0"/>
                        <a:t>17.89</a:t>
                      </a:r>
                    </a:p>
                  </a:txBody>
                  <a:tcPr/>
                </a:tc>
                <a:tc>
                  <a:txBody>
                    <a:bodyPr/>
                    <a:lstStyle/>
                    <a:p>
                      <a:r>
                        <a:rPr lang="en-GB" dirty="0"/>
                        <a:t>7.01</a:t>
                      </a:r>
                    </a:p>
                  </a:txBody>
                  <a:tcPr/>
                </a:tc>
                <a:extLst>
                  <a:ext uri="{0D108BD9-81ED-4DB2-BD59-A6C34878D82A}">
                    <a16:rowId xmlns:a16="http://schemas.microsoft.com/office/drawing/2014/main" val="1349071405"/>
                  </a:ext>
                </a:extLst>
              </a:tr>
            </a:tbl>
          </a:graphicData>
        </a:graphic>
      </p:graphicFrame>
      <p:sp>
        <p:nvSpPr>
          <p:cNvPr id="12" name="Content Placeholder 11">
            <a:extLst>
              <a:ext uri="{FF2B5EF4-FFF2-40B4-BE49-F238E27FC236}">
                <a16:creationId xmlns:a16="http://schemas.microsoft.com/office/drawing/2014/main" id="{F4CAAA59-108E-1769-5C04-07BD670B96BC}"/>
              </a:ext>
            </a:extLst>
          </p:cNvPr>
          <p:cNvSpPr>
            <a:spLocks noGrp="1"/>
          </p:cNvSpPr>
          <p:nvPr>
            <p:ph sz="quarter" idx="4"/>
          </p:nvPr>
        </p:nvSpPr>
        <p:spPr>
          <a:xfrm>
            <a:off x="2308920" y="4834463"/>
            <a:ext cx="7574160" cy="1733550"/>
          </a:xfrm>
        </p:spPr>
        <p:txBody>
          <a:bodyPr rtlCol="0"/>
          <a:lstStyle/>
          <a:p>
            <a:pPr rtl="0"/>
            <a:r>
              <a:rPr lang="en-GB" dirty="0"/>
              <a:t>The optimisation is a lot more effective in a scene with less points that have ambient occlusion.</a:t>
            </a:r>
          </a:p>
        </p:txBody>
      </p:sp>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8</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186713986"/>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19478" y="1959962"/>
            <a:ext cx="1431222" cy="1298316"/>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dirty="0"/>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9</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31" name="Content Placeholder 30">
            <a:extLst>
              <a:ext uri="{FF2B5EF4-FFF2-40B4-BE49-F238E27FC236}">
                <a16:creationId xmlns:a16="http://schemas.microsoft.com/office/drawing/2014/main" id="{06D5F152-0A08-24AB-3214-5CBBEC69CA29}"/>
              </a:ext>
            </a:extLst>
          </p:cNvPr>
          <p:cNvPicPr>
            <a:picLocks noGrp="1" noChangeAspect="1"/>
          </p:cNvPicPr>
          <p:nvPr>
            <p:ph sz="half" idx="2"/>
          </p:nvPr>
        </p:nvPicPr>
        <p:blipFill>
          <a:blip r:embed="rId3"/>
          <a:stretch>
            <a:fillRect/>
          </a:stretch>
        </p:blipFill>
        <p:spPr>
          <a:xfrm>
            <a:off x="2387965" y="1737776"/>
            <a:ext cx="1826411" cy="1809499"/>
          </a:xfrm>
        </p:spPr>
      </p:pic>
      <p:pic>
        <p:nvPicPr>
          <p:cNvPr id="33" name="Picture 32">
            <a:extLst>
              <a:ext uri="{FF2B5EF4-FFF2-40B4-BE49-F238E27FC236}">
                <a16:creationId xmlns:a16="http://schemas.microsoft.com/office/drawing/2014/main" id="{0C7EF9CE-4E27-DDA8-501E-4E97322E01D4}"/>
              </a:ext>
            </a:extLst>
          </p:cNvPr>
          <p:cNvPicPr>
            <a:picLocks noChangeAspect="1"/>
          </p:cNvPicPr>
          <p:nvPr/>
        </p:nvPicPr>
        <p:blipFill>
          <a:blip r:embed="rId4"/>
          <a:stretch>
            <a:fillRect/>
          </a:stretch>
        </p:blipFill>
        <p:spPr>
          <a:xfrm>
            <a:off x="381957" y="1737776"/>
            <a:ext cx="1863246" cy="1809499"/>
          </a:xfrm>
          <a:prstGeom prst="rect">
            <a:avLst/>
          </a:prstGeom>
        </p:spPr>
      </p:pic>
      <p:pic>
        <p:nvPicPr>
          <p:cNvPr id="35" name="Picture 34">
            <a:extLst>
              <a:ext uri="{FF2B5EF4-FFF2-40B4-BE49-F238E27FC236}">
                <a16:creationId xmlns:a16="http://schemas.microsoft.com/office/drawing/2014/main" id="{CA9EE1F2-5467-B55C-5496-31E21A04A085}"/>
              </a:ext>
            </a:extLst>
          </p:cNvPr>
          <p:cNvPicPr>
            <a:picLocks noChangeAspect="1"/>
          </p:cNvPicPr>
          <p:nvPr/>
        </p:nvPicPr>
        <p:blipFill>
          <a:blip r:embed="rId5"/>
          <a:stretch>
            <a:fillRect/>
          </a:stretch>
        </p:blipFill>
        <p:spPr>
          <a:xfrm>
            <a:off x="4357138" y="1741876"/>
            <a:ext cx="1775990" cy="1809499"/>
          </a:xfrm>
          <a:prstGeom prst="rect">
            <a:avLst/>
          </a:prstGeom>
        </p:spPr>
      </p:pic>
      <p:pic>
        <p:nvPicPr>
          <p:cNvPr id="37" name="Picture 36">
            <a:extLst>
              <a:ext uri="{FF2B5EF4-FFF2-40B4-BE49-F238E27FC236}">
                <a16:creationId xmlns:a16="http://schemas.microsoft.com/office/drawing/2014/main" id="{10E4EEF2-A0D2-6EC6-A891-4B9898156298}"/>
              </a:ext>
            </a:extLst>
          </p:cNvPr>
          <p:cNvPicPr>
            <a:picLocks noChangeAspect="1"/>
          </p:cNvPicPr>
          <p:nvPr/>
        </p:nvPicPr>
        <p:blipFill>
          <a:blip r:embed="rId6"/>
          <a:stretch>
            <a:fillRect/>
          </a:stretch>
        </p:blipFill>
        <p:spPr>
          <a:xfrm>
            <a:off x="6302033" y="1746363"/>
            <a:ext cx="1758286" cy="1809498"/>
          </a:xfrm>
          <a:prstGeom prst="rect">
            <a:avLst/>
          </a:prstGeom>
        </p:spPr>
      </p:pic>
      <p:pic>
        <p:nvPicPr>
          <p:cNvPr id="39" name="Picture 38">
            <a:extLst>
              <a:ext uri="{FF2B5EF4-FFF2-40B4-BE49-F238E27FC236}">
                <a16:creationId xmlns:a16="http://schemas.microsoft.com/office/drawing/2014/main" id="{42344713-9F52-039A-CF12-47894411A077}"/>
              </a:ext>
            </a:extLst>
          </p:cNvPr>
          <p:cNvPicPr>
            <a:picLocks noChangeAspect="1"/>
          </p:cNvPicPr>
          <p:nvPr/>
        </p:nvPicPr>
        <p:blipFill>
          <a:blip r:embed="rId7"/>
          <a:stretch>
            <a:fillRect/>
          </a:stretch>
        </p:blipFill>
        <p:spPr>
          <a:xfrm>
            <a:off x="8203333" y="1737775"/>
            <a:ext cx="1709893" cy="1809499"/>
          </a:xfrm>
          <a:prstGeom prst="rect">
            <a:avLst/>
          </a:prstGeom>
        </p:spPr>
      </p:pic>
      <p:pic>
        <p:nvPicPr>
          <p:cNvPr id="41" name="Picture 40">
            <a:extLst>
              <a:ext uri="{FF2B5EF4-FFF2-40B4-BE49-F238E27FC236}">
                <a16:creationId xmlns:a16="http://schemas.microsoft.com/office/drawing/2014/main" id="{0A80AF20-914C-2C80-3165-FEC7D716D868}"/>
              </a:ext>
            </a:extLst>
          </p:cNvPr>
          <p:cNvPicPr>
            <a:picLocks noChangeAspect="1"/>
          </p:cNvPicPr>
          <p:nvPr/>
        </p:nvPicPr>
        <p:blipFill>
          <a:blip r:embed="rId8"/>
          <a:stretch>
            <a:fillRect/>
          </a:stretch>
        </p:blipFill>
        <p:spPr>
          <a:xfrm>
            <a:off x="10056240" y="1747934"/>
            <a:ext cx="1806355" cy="1806355"/>
          </a:xfrm>
          <a:prstGeom prst="rect">
            <a:avLst/>
          </a:prstGeom>
        </p:spPr>
      </p:pic>
      <p:sp>
        <p:nvSpPr>
          <p:cNvPr id="42" name="TextBox 41">
            <a:extLst>
              <a:ext uri="{FF2B5EF4-FFF2-40B4-BE49-F238E27FC236}">
                <a16:creationId xmlns:a16="http://schemas.microsoft.com/office/drawing/2014/main" id="{A5EA881A-CB31-9EF7-9D5D-15636950BE31}"/>
              </a:ext>
            </a:extLst>
          </p:cNvPr>
          <p:cNvSpPr txBox="1"/>
          <p:nvPr/>
        </p:nvSpPr>
        <p:spPr>
          <a:xfrm>
            <a:off x="875430" y="3635775"/>
            <a:ext cx="895350" cy="646331"/>
          </a:xfrm>
          <a:prstGeom prst="rect">
            <a:avLst/>
          </a:prstGeom>
          <a:noFill/>
        </p:spPr>
        <p:txBody>
          <a:bodyPr wrap="square" rtlCol="0">
            <a:spAutoFit/>
          </a:bodyPr>
          <a:lstStyle/>
          <a:p>
            <a:pPr algn="ctr"/>
            <a:r>
              <a:rPr lang="en-GB" dirty="0"/>
              <a:t>1 split</a:t>
            </a:r>
          </a:p>
          <a:p>
            <a:pPr algn="ctr"/>
            <a:r>
              <a:rPr lang="en-GB" dirty="0"/>
              <a:t>2.5 fps</a:t>
            </a:r>
          </a:p>
        </p:txBody>
      </p:sp>
      <p:sp>
        <p:nvSpPr>
          <p:cNvPr id="43" name="TextBox 42">
            <a:extLst>
              <a:ext uri="{FF2B5EF4-FFF2-40B4-BE49-F238E27FC236}">
                <a16:creationId xmlns:a16="http://schemas.microsoft.com/office/drawing/2014/main" id="{BED690B0-B576-5855-196B-4C0C11CE6581}"/>
              </a:ext>
            </a:extLst>
          </p:cNvPr>
          <p:cNvSpPr txBox="1"/>
          <p:nvPr/>
        </p:nvSpPr>
        <p:spPr>
          <a:xfrm>
            <a:off x="2853495" y="3635775"/>
            <a:ext cx="895350" cy="646331"/>
          </a:xfrm>
          <a:prstGeom prst="rect">
            <a:avLst/>
          </a:prstGeom>
          <a:noFill/>
        </p:spPr>
        <p:txBody>
          <a:bodyPr wrap="square" rtlCol="0">
            <a:spAutoFit/>
          </a:bodyPr>
          <a:lstStyle/>
          <a:p>
            <a:pPr algn="ctr"/>
            <a:r>
              <a:rPr lang="en-GB" dirty="0"/>
              <a:t>2 split</a:t>
            </a:r>
          </a:p>
          <a:p>
            <a:pPr algn="ctr"/>
            <a:r>
              <a:rPr lang="en-GB" dirty="0"/>
              <a:t>2.9 fps</a:t>
            </a:r>
          </a:p>
        </p:txBody>
      </p:sp>
      <p:sp>
        <p:nvSpPr>
          <p:cNvPr id="44" name="TextBox 43">
            <a:extLst>
              <a:ext uri="{FF2B5EF4-FFF2-40B4-BE49-F238E27FC236}">
                <a16:creationId xmlns:a16="http://schemas.microsoft.com/office/drawing/2014/main" id="{8324177C-2688-3688-4F6B-1EFC923879ED}"/>
              </a:ext>
            </a:extLst>
          </p:cNvPr>
          <p:cNvSpPr txBox="1"/>
          <p:nvPr/>
        </p:nvSpPr>
        <p:spPr>
          <a:xfrm>
            <a:off x="4797458" y="3635775"/>
            <a:ext cx="895350" cy="646331"/>
          </a:xfrm>
          <a:prstGeom prst="rect">
            <a:avLst/>
          </a:prstGeom>
          <a:noFill/>
        </p:spPr>
        <p:txBody>
          <a:bodyPr wrap="square" rtlCol="0">
            <a:spAutoFit/>
          </a:bodyPr>
          <a:lstStyle/>
          <a:p>
            <a:pPr algn="ctr"/>
            <a:r>
              <a:rPr lang="en-GB" dirty="0"/>
              <a:t>3 split</a:t>
            </a:r>
          </a:p>
          <a:p>
            <a:r>
              <a:rPr lang="en-GB" dirty="0"/>
              <a:t>3.0 fps</a:t>
            </a:r>
          </a:p>
        </p:txBody>
      </p:sp>
      <p:sp>
        <p:nvSpPr>
          <p:cNvPr id="45" name="TextBox 44">
            <a:extLst>
              <a:ext uri="{FF2B5EF4-FFF2-40B4-BE49-F238E27FC236}">
                <a16:creationId xmlns:a16="http://schemas.microsoft.com/office/drawing/2014/main" id="{8389E4E7-1B37-50BC-0470-31D7EFF901BF}"/>
              </a:ext>
            </a:extLst>
          </p:cNvPr>
          <p:cNvSpPr txBox="1"/>
          <p:nvPr/>
        </p:nvSpPr>
        <p:spPr>
          <a:xfrm>
            <a:off x="6733501" y="3635775"/>
            <a:ext cx="895350" cy="646331"/>
          </a:xfrm>
          <a:prstGeom prst="rect">
            <a:avLst/>
          </a:prstGeom>
          <a:noFill/>
        </p:spPr>
        <p:txBody>
          <a:bodyPr wrap="square" rtlCol="0">
            <a:spAutoFit/>
          </a:bodyPr>
          <a:lstStyle/>
          <a:p>
            <a:pPr algn="ctr"/>
            <a:r>
              <a:rPr lang="en-GB" dirty="0"/>
              <a:t>4 split</a:t>
            </a:r>
          </a:p>
          <a:p>
            <a:pPr algn="ctr"/>
            <a:r>
              <a:rPr lang="en-GB" dirty="0"/>
              <a:t>3.2 fps</a:t>
            </a:r>
          </a:p>
        </p:txBody>
      </p:sp>
      <p:sp>
        <p:nvSpPr>
          <p:cNvPr id="46" name="TextBox 45">
            <a:extLst>
              <a:ext uri="{FF2B5EF4-FFF2-40B4-BE49-F238E27FC236}">
                <a16:creationId xmlns:a16="http://schemas.microsoft.com/office/drawing/2014/main" id="{C4E90263-55BA-E3DC-EA1E-00D4B7FA1D7B}"/>
              </a:ext>
            </a:extLst>
          </p:cNvPr>
          <p:cNvSpPr txBox="1"/>
          <p:nvPr/>
        </p:nvSpPr>
        <p:spPr>
          <a:xfrm>
            <a:off x="8560405" y="3635775"/>
            <a:ext cx="895350" cy="646331"/>
          </a:xfrm>
          <a:prstGeom prst="rect">
            <a:avLst/>
          </a:prstGeom>
          <a:noFill/>
        </p:spPr>
        <p:txBody>
          <a:bodyPr wrap="square" rtlCol="0">
            <a:spAutoFit/>
          </a:bodyPr>
          <a:lstStyle/>
          <a:p>
            <a:pPr algn="ctr"/>
            <a:r>
              <a:rPr lang="en-GB" dirty="0"/>
              <a:t>5 split</a:t>
            </a:r>
          </a:p>
          <a:p>
            <a:pPr algn="ctr"/>
            <a:r>
              <a:rPr lang="en-GB" dirty="0"/>
              <a:t>3.3 fps</a:t>
            </a:r>
          </a:p>
        </p:txBody>
      </p:sp>
      <p:sp>
        <p:nvSpPr>
          <p:cNvPr id="47" name="TextBox 46">
            <a:extLst>
              <a:ext uri="{FF2B5EF4-FFF2-40B4-BE49-F238E27FC236}">
                <a16:creationId xmlns:a16="http://schemas.microsoft.com/office/drawing/2014/main" id="{3B39C3E3-6A08-EF8F-551C-484A29E78C82}"/>
              </a:ext>
            </a:extLst>
          </p:cNvPr>
          <p:cNvSpPr txBox="1"/>
          <p:nvPr/>
        </p:nvSpPr>
        <p:spPr>
          <a:xfrm>
            <a:off x="10444279" y="3635775"/>
            <a:ext cx="895350" cy="646331"/>
          </a:xfrm>
          <a:prstGeom prst="rect">
            <a:avLst/>
          </a:prstGeom>
          <a:noFill/>
        </p:spPr>
        <p:txBody>
          <a:bodyPr wrap="square" rtlCol="0">
            <a:spAutoFit/>
          </a:bodyPr>
          <a:lstStyle/>
          <a:p>
            <a:r>
              <a:rPr lang="en-GB" dirty="0"/>
              <a:t>6 split</a:t>
            </a:r>
          </a:p>
          <a:p>
            <a:pPr algn="ctr"/>
            <a:r>
              <a:rPr lang="en-GB" dirty="0"/>
              <a:t>3.3 fps</a:t>
            </a:r>
          </a:p>
        </p:txBody>
      </p:sp>
      <p:pic>
        <p:nvPicPr>
          <p:cNvPr id="51" name="Picture 50">
            <a:extLst>
              <a:ext uri="{FF2B5EF4-FFF2-40B4-BE49-F238E27FC236}">
                <a16:creationId xmlns:a16="http://schemas.microsoft.com/office/drawing/2014/main" id="{DC589C22-FC44-3685-E548-7983DC604FB9}"/>
              </a:ext>
            </a:extLst>
          </p:cNvPr>
          <p:cNvPicPr>
            <a:picLocks noChangeAspect="1"/>
          </p:cNvPicPr>
          <p:nvPr/>
        </p:nvPicPr>
        <p:blipFill>
          <a:blip r:embed="rId9"/>
          <a:stretch>
            <a:fillRect/>
          </a:stretch>
        </p:blipFill>
        <p:spPr>
          <a:xfrm>
            <a:off x="366944" y="4376724"/>
            <a:ext cx="1893272" cy="1809498"/>
          </a:xfrm>
          <a:prstGeom prst="rect">
            <a:avLst/>
          </a:prstGeom>
        </p:spPr>
      </p:pic>
      <p:pic>
        <p:nvPicPr>
          <p:cNvPr id="53" name="Picture 52">
            <a:extLst>
              <a:ext uri="{FF2B5EF4-FFF2-40B4-BE49-F238E27FC236}">
                <a16:creationId xmlns:a16="http://schemas.microsoft.com/office/drawing/2014/main" id="{E8C2D7AD-A05B-D5C3-04CF-86AA9610AE4E}"/>
              </a:ext>
            </a:extLst>
          </p:cNvPr>
          <p:cNvPicPr>
            <a:picLocks noChangeAspect="1"/>
          </p:cNvPicPr>
          <p:nvPr/>
        </p:nvPicPr>
        <p:blipFill>
          <a:blip r:embed="rId10"/>
          <a:stretch>
            <a:fillRect/>
          </a:stretch>
        </p:blipFill>
        <p:spPr>
          <a:xfrm>
            <a:off x="2473252" y="4370606"/>
            <a:ext cx="1655836" cy="1815050"/>
          </a:xfrm>
          <a:prstGeom prst="rect">
            <a:avLst/>
          </a:prstGeom>
        </p:spPr>
      </p:pic>
      <p:pic>
        <p:nvPicPr>
          <p:cNvPr id="55" name="Picture 54">
            <a:extLst>
              <a:ext uri="{FF2B5EF4-FFF2-40B4-BE49-F238E27FC236}">
                <a16:creationId xmlns:a16="http://schemas.microsoft.com/office/drawing/2014/main" id="{B099FCBA-A74B-6718-DD04-7B251824F054}"/>
              </a:ext>
            </a:extLst>
          </p:cNvPr>
          <p:cNvPicPr>
            <a:picLocks noChangeAspect="1"/>
          </p:cNvPicPr>
          <p:nvPr/>
        </p:nvPicPr>
        <p:blipFill>
          <a:blip r:embed="rId11"/>
          <a:stretch>
            <a:fillRect/>
          </a:stretch>
        </p:blipFill>
        <p:spPr>
          <a:xfrm>
            <a:off x="4309978" y="4376724"/>
            <a:ext cx="1877143" cy="1809498"/>
          </a:xfrm>
          <a:prstGeom prst="rect">
            <a:avLst/>
          </a:prstGeom>
        </p:spPr>
      </p:pic>
      <p:pic>
        <p:nvPicPr>
          <p:cNvPr id="57" name="Picture 56">
            <a:extLst>
              <a:ext uri="{FF2B5EF4-FFF2-40B4-BE49-F238E27FC236}">
                <a16:creationId xmlns:a16="http://schemas.microsoft.com/office/drawing/2014/main" id="{67695969-BB81-7D98-BF8D-8842C2579DBB}"/>
              </a:ext>
            </a:extLst>
          </p:cNvPr>
          <p:cNvPicPr>
            <a:picLocks noChangeAspect="1"/>
          </p:cNvPicPr>
          <p:nvPr/>
        </p:nvPicPr>
        <p:blipFill>
          <a:blip r:embed="rId12"/>
          <a:stretch>
            <a:fillRect/>
          </a:stretch>
        </p:blipFill>
        <p:spPr>
          <a:xfrm>
            <a:off x="6333071" y="4362020"/>
            <a:ext cx="1727248" cy="1809498"/>
          </a:xfrm>
          <a:prstGeom prst="rect">
            <a:avLst/>
          </a:prstGeom>
        </p:spPr>
      </p:pic>
      <p:pic>
        <p:nvPicPr>
          <p:cNvPr id="59" name="Picture 58">
            <a:extLst>
              <a:ext uri="{FF2B5EF4-FFF2-40B4-BE49-F238E27FC236}">
                <a16:creationId xmlns:a16="http://schemas.microsoft.com/office/drawing/2014/main" id="{ABE12D55-8763-8025-97D7-0C291D8F75DD}"/>
              </a:ext>
            </a:extLst>
          </p:cNvPr>
          <p:cNvPicPr>
            <a:picLocks noChangeAspect="1"/>
          </p:cNvPicPr>
          <p:nvPr/>
        </p:nvPicPr>
        <p:blipFill>
          <a:blip r:embed="rId13"/>
          <a:stretch>
            <a:fillRect/>
          </a:stretch>
        </p:blipFill>
        <p:spPr>
          <a:xfrm>
            <a:off x="8259789" y="4362019"/>
            <a:ext cx="1604946" cy="1809498"/>
          </a:xfrm>
          <a:prstGeom prst="rect">
            <a:avLst/>
          </a:prstGeom>
        </p:spPr>
      </p:pic>
      <p:pic>
        <p:nvPicPr>
          <p:cNvPr id="61" name="Picture 60">
            <a:extLst>
              <a:ext uri="{FF2B5EF4-FFF2-40B4-BE49-F238E27FC236}">
                <a16:creationId xmlns:a16="http://schemas.microsoft.com/office/drawing/2014/main" id="{C43162F1-ED1E-FCA5-A40D-4F1C4C6B7BBE}"/>
              </a:ext>
            </a:extLst>
          </p:cNvPr>
          <p:cNvPicPr>
            <a:picLocks noChangeAspect="1"/>
          </p:cNvPicPr>
          <p:nvPr/>
        </p:nvPicPr>
        <p:blipFill>
          <a:blip r:embed="rId14"/>
          <a:stretch>
            <a:fillRect/>
          </a:stretch>
        </p:blipFill>
        <p:spPr>
          <a:xfrm>
            <a:off x="10064205" y="4379192"/>
            <a:ext cx="1627139" cy="1800911"/>
          </a:xfrm>
          <a:prstGeom prst="rect">
            <a:avLst/>
          </a:prstGeom>
        </p:spPr>
      </p:pic>
    </p:spTree>
    <p:extLst>
      <p:ext uri="{BB962C8B-B14F-4D97-AF65-F5344CB8AC3E}">
        <p14:creationId xmlns:p14="http://schemas.microsoft.com/office/powerpoint/2010/main" val="24702405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5" name="Group 24">
            <a:extLst>
              <a:ext uri="{FF2B5EF4-FFF2-40B4-BE49-F238E27FC236}">
                <a16:creationId xmlns:a16="http://schemas.microsoft.com/office/drawing/2014/main" id="{D10F3D66-0109-4903-90B9-66D0E288F721}"/>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7DAB968-9B52-4EFF-AD39-7657DFEA6E48}"/>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62BE440-9634-4380-B142-5DB692420C52}"/>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4B18D636-CC10-4B1E-AA38-419DCCF2D9C9}"/>
              </a:ext>
            </a:extLst>
          </p:cNvPr>
          <p:cNvSpPr>
            <a:spLocks noGrp="1"/>
          </p:cNvSpPr>
          <p:nvPr>
            <p:ph type="title"/>
          </p:nvPr>
        </p:nvSpPr>
        <p:spPr>
          <a:xfrm>
            <a:off x="550862" y="549275"/>
            <a:ext cx="11097551" cy="1332000"/>
          </a:xfrm>
        </p:spPr>
        <p:txBody>
          <a:bodyPr rtlCol="0">
            <a:normAutofit/>
          </a:bodyPr>
          <a:lstStyle/>
          <a:p>
            <a:pPr rtl="0"/>
            <a:r>
              <a:rPr lang="en-GB" dirty="0"/>
              <a:t>Features</a:t>
            </a:r>
          </a:p>
        </p:txBody>
      </p:sp>
      <p:sp>
        <p:nvSpPr>
          <p:cNvPr id="10" name="Content Placeholder 9">
            <a:extLst>
              <a:ext uri="{FF2B5EF4-FFF2-40B4-BE49-F238E27FC236}">
                <a16:creationId xmlns:a16="http://schemas.microsoft.com/office/drawing/2014/main" id="{1DB251F7-EBE7-46AC-A920-FFE2C5AF68EA}"/>
              </a:ext>
            </a:extLst>
          </p:cNvPr>
          <p:cNvSpPr>
            <a:spLocks noGrp="1"/>
          </p:cNvSpPr>
          <p:nvPr>
            <p:ph sz="half" idx="2"/>
          </p:nvPr>
        </p:nvSpPr>
        <p:spPr>
          <a:xfrm>
            <a:off x="550864" y="1881275"/>
            <a:ext cx="5429114" cy="4354425"/>
          </a:xfrm>
        </p:spPr>
        <p:txBody>
          <a:bodyPr rtlCol="0"/>
          <a:lstStyle/>
          <a:p>
            <a:pPr rtl="0"/>
            <a:r>
              <a:rPr lang="en-GB" dirty="0"/>
              <a:t>Spheres, planes, cubes, and cylinders</a:t>
            </a:r>
          </a:p>
          <a:p>
            <a:pPr rtl="0"/>
            <a:r>
              <a:rPr lang="en-GB" dirty="0"/>
              <a:t>PBR (or Blinn-Phong)</a:t>
            </a:r>
          </a:p>
          <a:p>
            <a:pPr rtl="0"/>
            <a:r>
              <a:rPr lang="en-GB" dirty="0"/>
              <a:t>Shadows</a:t>
            </a:r>
          </a:p>
          <a:p>
            <a:pPr rtl="0"/>
            <a:r>
              <a:rPr lang="en-GB" dirty="0"/>
              <a:t>Ambient occlusion</a:t>
            </a:r>
          </a:p>
          <a:p>
            <a:pPr rtl="0"/>
            <a:r>
              <a:rPr lang="en-GB" dirty="0"/>
              <a:t>Reflectivity</a:t>
            </a:r>
          </a:p>
          <a:p>
            <a:pPr rtl="0"/>
            <a:r>
              <a:rPr lang="en-GB" dirty="0"/>
              <a:t>Transparency and refraction</a:t>
            </a:r>
          </a:p>
          <a:p>
            <a:pPr rtl="0"/>
            <a:r>
              <a:rPr lang="en-GB" dirty="0"/>
              <a:t>Real time with menus to adjust values</a:t>
            </a:r>
          </a:p>
          <a:p>
            <a:pPr rtl="0"/>
            <a:endParaRPr lang="en-GB" dirty="0"/>
          </a:p>
        </p:txBody>
      </p:sp>
      <p:sp>
        <p:nvSpPr>
          <p:cNvPr id="12" name="Content Placeholder 11">
            <a:extLst>
              <a:ext uri="{FF2B5EF4-FFF2-40B4-BE49-F238E27FC236}">
                <a16:creationId xmlns:a16="http://schemas.microsoft.com/office/drawing/2014/main" id="{7FB7F30B-2A84-4C44-BC5A-E826ED6E74A2}"/>
              </a:ext>
            </a:extLst>
          </p:cNvPr>
          <p:cNvSpPr>
            <a:spLocks noGrp="1"/>
          </p:cNvSpPr>
          <p:nvPr>
            <p:ph sz="quarter" idx="4"/>
          </p:nvPr>
        </p:nvSpPr>
        <p:spPr>
          <a:xfrm>
            <a:off x="6096000" y="1881274"/>
            <a:ext cx="5436391" cy="3515555"/>
          </a:xfrm>
        </p:spPr>
        <p:txBody>
          <a:bodyPr rtlCol="0"/>
          <a:lstStyle/>
          <a:p>
            <a:pPr rtl="0"/>
            <a:r>
              <a:rPr lang="en-GB" dirty="0"/>
              <a:t>Multi-threaded</a:t>
            </a:r>
          </a:p>
          <a:p>
            <a:pPr rtl="0"/>
            <a:r>
              <a:rPr lang="en-GB" dirty="0"/>
              <a:t>Uses thread pooling</a:t>
            </a:r>
          </a:p>
          <a:p>
            <a:pPr rtl="0"/>
            <a:r>
              <a:rPr lang="en-GB" dirty="0"/>
              <a:t>Adjust number of tasks a frame is split into independent of the number of threads.</a:t>
            </a:r>
          </a:p>
          <a:p>
            <a:pPr rtl="0"/>
            <a:endParaRPr lang="en-GB" dirty="0"/>
          </a:p>
        </p:txBody>
      </p:sp>
      <p:sp>
        <p:nvSpPr>
          <p:cNvPr id="6" name="Slide Number Placeholder 5">
            <a:extLst>
              <a:ext uri="{FF2B5EF4-FFF2-40B4-BE49-F238E27FC236}">
                <a16:creationId xmlns:a16="http://schemas.microsoft.com/office/drawing/2014/main" id="{9ED907F8-C614-4D59-A03F-BF9CD5E3570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a:t>
            </a:fld>
            <a:endParaRPr lang="en-GB"/>
          </a:p>
        </p:txBody>
      </p:sp>
      <p:sp>
        <p:nvSpPr>
          <p:cNvPr id="22" name="Freeform: Shape 21">
            <a:extLst>
              <a:ext uri="{FF2B5EF4-FFF2-40B4-BE49-F238E27FC236}">
                <a16:creationId xmlns:a16="http://schemas.microsoft.com/office/drawing/2014/main" id="{C6F3814E-455F-456B-B1AF-7B993965A2C0}"/>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89134558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Qualitative</a:t>
            </a:r>
          </a:p>
        </p:txBody>
      </p:sp>
      <p:pic>
        <p:nvPicPr>
          <p:cNvPr id="5" name="Content Placeholder 4">
            <a:extLst>
              <a:ext uri="{FF2B5EF4-FFF2-40B4-BE49-F238E27FC236}">
                <a16:creationId xmlns:a16="http://schemas.microsoft.com/office/drawing/2014/main" id="{5C6251F2-D7E4-A8BB-20C4-ECAF61E21619}"/>
              </a:ext>
            </a:extLst>
          </p:cNvPr>
          <p:cNvPicPr>
            <a:picLocks noGrp="1" noChangeAspect="1"/>
          </p:cNvPicPr>
          <p:nvPr>
            <p:ph sz="quarter" idx="4"/>
          </p:nvPr>
        </p:nvPicPr>
        <p:blipFill>
          <a:blip r:embed="rId3"/>
          <a:stretch>
            <a:fillRect/>
          </a:stretch>
        </p:blipFill>
        <p:spPr>
          <a:xfrm>
            <a:off x="6212025" y="1533525"/>
            <a:ext cx="5595503" cy="4229260"/>
          </a:xfrm>
        </p:spPr>
      </p:pic>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0</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Picture 14">
            <a:extLst>
              <a:ext uri="{FF2B5EF4-FFF2-40B4-BE49-F238E27FC236}">
                <a16:creationId xmlns:a16="http://schemas.microsoft.com/office/drawing/2014/main" id="{E2CB1E88-330E-5893-368A-BAB27254A80F}"/>
              </a:ext>
            </a:extLst>
          </p:cNvPr>
          <p:cNvPicPr>
            <a:picLocks noChangeAspect="1"/>
          </p:cNvPicPr>
          <p:nvPr/>
        </p:nvPicPr>
        <p:blipFill>
          <a:blip r:embed="rId4"/>
          <a:stretch>
            <a:fillRect/>
          </a:stretch>
        </p:blipFill>
        <p:spPr>
          <a:xfrm>
            <a:off x="332152" y="1533525"/>
            <a:ext cx="5647824" cy="4229260"/>
          </a:xfrm>
          <a:prstGeom prst="rect">
            <a:avLst/>
          </a:prstGeom>
        </p:spPr>
      </p:pic>
      <p:sp>
        <p:nvSpPr>
          <p:cNvPr id="2" name="TextBox 1">
            <a:extLst>
              <a:ext uri="{FF2B5EF4-FFF2-40B4-BE49-F238E27FC236}">
                <a16:creationId xmlns:a16="http://schemas.microsoft.com/office/drawing/2014/main" id="{BB2378F3-D923-1E0E-C64F-0EC1599EDB9C}"/>
              </a:ext>
            </a:extLst>
          </p:cNvPr>
          <p:cNvSpPr txBox="1"/>
          <p:nvPr/>
        </p:nvSpPr>
        <p:spPr>
          <a:xfrm>
            <a:off x="2613139" y="6072397"/>
            <a:ext cx="1085850" cy="369332"/>
          </a:xfrm>
          <a:prstGeom prst="rect">
            <a:avLst/>
          </a:prstGeom>
          <a:noFill/>
        </p:spPr>
        <p:txBody>
          <a:bodyPr wrap="square" rtlCol="0">
            <a:spAutoFit/>
          </a:bodyPr>
          <a:lstStyle/>
          <a:p>
            <a:r>
              <a:rPr lang="en-GB" dirty="0"/>
              <a:t>My scene</a:t>
            </a:r>
          </a:p>
        </p:txBody>
      </p:sp>
      <p:sp>
        <p:nvSpPr>
          <p:cNvPr id="3" name="TextBox 2">
            <a:extLst>
              <a:ext uri="{FF2B5EF4-FFF2-40B4-BE49-F238E27FC236}">
                <a16:creationId xmlns:a16="http://schemas.microsoft.com/office/drawing/2014/main" id="{F50BFA5E-5EBF-F66A-2B57-1E5671014562}"/>
              </a:ext>
            </a:extLst>
          </p:cNvPr>
          <p:cNvSpPr txBox="1"/>
          <p:nvPr/>
        </p:nvSpPr>
        <p:spPr>
          <a:xfrm>
            <a:off x="8240667" y="6072397"/>
            <a:ext cx="1538218" cy="369332"/>
          </a:xfrm>
          <a:prstGeom prst="rect">
            <a:avLst/>
          </a:prstGeom>
          <a:noFill/>
        </p:spPr>
        <p:txBody>
          <a:bodyPr wrap="square" rtlCol="0">
            <a:spAutoFit/>
          </a:bodyPr>
          <a:lstStyle/>
          <a:p>
            <a:r>
              <a:rPr lang="en-GB" dirty="0"/>
              <a:t>Blender scene</a:t>
            </a:r>
          </a:p>
        </p:txBody>
      </p:sp>
      <p:sp>
        <p:nvSpPr>
          <p:cNvPr id="4" name="Circle: Hollow 3">
            <a:extLst>
              <a:ext uri="{FF2B5EF4-FFF2-40B4-BE49-F238E27FC236}">
                <a16:creationId xmlns:a16="http://schemas.microsoft.com/office/drawing/2014/main" id="{BAE0521F-22AD-53E4-33E5-B80C94F943D0}"/>
              </a:ext>
            </a:extLst>
          </p:cNvPr>
          <p:cNvSpPr/>
          <p:nvPr/>
        </p:nvSpPr>
        <p:spPr>
          <a:xfrm>
            <a:off x="9009776" y="2931741"/>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
        <p:nvSpPr>
          <p:cNvPr id="8" name="Circle: Hollow 7">
            <a:extLst>
              <a:ext uri="{FF2B5EF4-FFF2-40B4-BE49-F238E27FC236}">
                <a16:creationId xmlns:a16="http://schemas.microsoft.com/office/drawing/2014/main" id="{2642F8F1-15FC-5A90-DDA0-718534261966}"/>
              </a:ext>
            </a:extLst>
          </p:cNvPr>
          <p:cNvSpPr/>
          <p:nvPr/>
        </p:nvSpPr>
        <p:spPr>
          <a:xfrm>
            <a:off x="3243699" y="2865525"/>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
        <p:nvSpPr>
          <p:cNvPr id="9" name="Circle: Hollow 8">
            <a:extLst>
              <a:ext uri="{FF2B5EF4-FFF2-40B4-BE49-F238E27FC236}">
                <a16:creationId xmlns:a16="http://schemas.microsoft.com/office/drawing/2014/main" id="{26D0A3CB-2DD0-16B7-E747-0E7A2F601858}"/>
              </a:ext>
            </a:extLst>
          </p:cNvPr>
          <p:cNvSpPr/>
          <p:nvPr/>
        </p:nvSpPr>
        <p:spPr>
          <a:xfrm>
            <a:off x="1631243" y="2639851"/>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
        <p:nvSpPr>
          <p:cNvPr id="10" name="Circle: Hollow 9">
            <a:extLst>
              <a:ext uri="{FF2B5EF4-FFF2-40B4-BE49-F238E27FC236}">
                <a16:creationId xmlns:a16="http://schemas.microsoft.com/office/drawing/2014/main" id="{EDE8AA2A-330C-D959-FDD4-64603D9158B6}"/>
              </a:ext>
            </a:extLst>
          </p:cNvPr>
          <p:cNvSpPr/>
          <p:nvPr/>
        </p:nvSpPr>
        <p:spPr>
          <a:xfrm>
            <a:off x="7487592" y="2645669"/>
            <a:ext cx="666750" cy="633864"/>
          </a:xfrm>
          <a:prstGeom prst="donut">
            <a:avLst>
              <a:gd name="adj" fmla="val 7562"/>
            </a:avLst>
          </a:prstGeom>
          <a:solidFill>
            <a:srgbClr val="C00000"/>
          </a:solidFill>
          <a:ln>
            <a:solidFill>
              <a:srgbClr val="C0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GB">
              <a:solidFill>
                <a:schemeClr val="tx1"/>
              </a:solidFill>
            </a:endParaRPr>
          </a:p>
        </p:txBody>
      </p:sp>
    </p:spTree>
    <p:extLst>
      <p:ext uri="{BB962C8B-B14F-4D97-AF65-F5344CB8AC3E}">
        <p14:creationId xmlns:p14="http://schemas.microsoft.com/office/powerpoint/2010/main" val="19680596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9"/>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8" grpId="0" animBg="1"/>
      <p:bldP spid="9" grpId="0" animBg="1"/>
      <p:bldP spid="10"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61D5462-88AB-DA82-6948-C2B3FC99DF78}"/>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03B9D472-460E-2365-256D-7542FAB200D9}"/>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E470AA31-8F0C-0281-332A-719BA21523AE}"/>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5CBD9DA3-A1D3-21E9-05A1-C453BEE2728D}"/>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52532762-8C07-606F-AA68-255624280A75}"/>
              </a:ext>
            </a:extLst>
          </p:cNvPr>
          <p:cNvSpPr>
            <a:spLocks noGrp="1"/>
          </p:cNvSpPr>
          <p:nvPr>
            <p:ph type="title"/>
          </p:nvPr>
        </p:nvSpPr>
        <p:spPr>
          <a:xfrm>
            <a:off x="550862" y="549275"/>
            <a:ext cx="11097551" cy="1332000"/>
          </a:xfrm>
        </p:spPr>
        <p:txBody>
          <a:bodyPr rtlCol="0">
            <a:normAutofit/>
          </a:bodyPr>
          <a:lstStyle/>
          <a:p>
            <a:pPr rtl="0"/>
            <a:r>
              <a:rPr lang="en-GB" dirty="0"/>
              <a:t>References</a:t>
            </a:r>
          </a:p>
        </p:txBody>
      </p:sp>
      <p:sp>
        <p:nvSpPr>
          <p:cNvPr id="10" name="Content Placeholder 9">
            <a:extLst>
              <a:ext uri="{FF2B5EF4-FFF2-40B4-BE49-F238E27FC236}">
                <a16:creationId xmlns:a16="http://schemas.microsoft.com/office/drawing/2014/main" id="{AC5471BE-F9E7-AE38-EA28-2C0714668CD4}"/>
              </a:ext>
            </a:extLst>
          </p:cNvPr>
          <p:cNvSpPr>
            <a:spLocks noGrp="1"/>
          </p:cNvSpPr>
          <p:nvPr>
            <p:ph sz="half" idx="2"/>
          </p:nvPr>
        </p:nvSpPr>
        <p:spPr>
          <a:xfrm>
            <a:off x="550864" y="1881275"/>
            <a:ext cx="5429114" cy="3515555"/>
          </a:xfrm>
        </p:spPr>
        <p:txBody>
          <a:bodyPr rtlCol="0"/>
          <a:lstStyle/>
          <a:p>
            <a:r>
              <a:rPr lang="en-GB" dirty="0"/>
              <a:t>All images were my own.</a:t>
            </a:r>
          </a:p>
        </p:txBody>
      </p:sp>
      <p:sp>
        <p:nvSpPr>
          <p:cNvPr id="12" name="Content Placeholder 11">
            <a:extLst>
              <a:ext uri="{FF2B5EF4-FFF2-40B4-BE49-F238E27FC236}">
                <a16:creationId xmlns:a16="http://schemas.microsoft.com/office/drawing/2014/main" id="{64117342-D8B9-6440-3593-2DC0A52B9120}"/>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71B9D4D4-241A-1303-32B8-8A8070CB97E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1</a:t>
            </a:fld>
            <a:endParaRPr lang="en-GB"/>
          </a:p>
        </p:txBody>
      </p:sp>
      <p:sp>
        <p:nvSpPr>
          <p:cNvPr id="22" name="Freeform: Shape 21">
            <a:extLst>
              <a:ext uri="{FF2B5EF4-FFF2-40B4-BE49-F238E27FC236}">
                <a16:creationId xmlns:a16="http://schemas.microsoft.com/office/drawing/2014/main" id="{A7C7EDDC-A025-D0CC-A0ED-FB0B0BFF1277}"/>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99434590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2D28B32-3FB3-07A9-1124-4BFB506928EF}"/>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A0D95A2A-910F-5FBE-9408-69118DA8BABA}"/>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6D59E43A-C84C-A4A3-F11C-FF69058BC77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1A8FE17F-1BB8-B25C-D8DC-986EC5CFD1DA}"/>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6F071BF-A949-17DE-DE3B-ED860C2ABB76}"/>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0" name="Content Placeholder 9">
            <a:extLst>
              <a:ext uri="{FF2B5EF4-FFF2-40B4-BE49-F238E27FC236}">
                <a16:creationId xmlns:a16="http://schemas.microsoft.com/office/drawing/2014/main" id="{3BC38192-C27C-436E-7678-94EED00A7564}"/>
              </a:ext>
            </a:extLst>
          </p:cNvPr>
          <p:cNvSpPr>
            <a:spLocks noGrp="1"/>
          </p:cNvSpPr>
          <p:nvPr>
            <p:ph sz="half" idx="2"/>
          </p:nvPr>
        </p:nvSpPr>
        <p:spPr>
          <a:xfrm>
            <a:off x="543587" y="1732088"/>
            <a:ext cx="5429114" cy="4300412"/>
          </a:xfrm>
        </p:spPr>
        <p:txBody>
          <a:bodyPr rtlCol="0"/>
          <a:lstStyle/>
          <a:p>
            <a:pPr rtl="0"/>
            <a:r>
              <a:rPr lang="en-GB" dirty="0"/>
              <a:t>Ambient occlusion is the idea that a point will not receive as much ambient light if there are objects near it.</a:t>
            </a:r>
          </a:p>
          <a:p>
            <a:pPr rtl="0"/>
            <a:r>
              <a:rPr lang="en-GB" dirty="0"/>
              <a:t>It is used to simulate soft shadows that should occur due to indirect lighting.</a:t>
            </a:r>
          </a:p>
          <a:p>
            <a:pPr rtl="0"/>
            <a:r>
              <a:rPr lang="en-GB" dirty="0"/>
              <a:t>Technically ambient occlusion should not occur at points in direct light, but since I don’t have indirect lighting I just apply it everywhere.</a:t>
            </a:r>
          </a:p>
        </p:txBody>
      </p:sp>
      <p:sp>
        <p:nvSpPr>
          <p:cNvPr id="6" name="Slide Number Placeholder 5">
            <a:extLst>
              <a:ext uri="{FF2B5EF4-FFF2-40B4-BE49-F238E27FC236}">
                <a16:creationId xmlns:a16="http://schemas.microsoft.com/office/drawing/2014/main" id="{0DF2E2A1-9236-CA8E-9776-56BFC74D799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3</a:t>
            </a:fld>
            <a:endParaRPr lang="en-GB"/>
          </a:p>
        </p:txBody>
      </p:sp>
      <p:sp>
        <p:nvSpPr>
          <p:cNvPr id="22" name="Freeform: Shape 21">
            <a:extLst>
              <a:ext uri="{FF2B5EF4-FFF2-40B4-BE49-F238E27FC236}">
                <a16:creationId xmlns:a16="http://schemas.microsoft.com/office/drawing/2014/main" id="{8B1C0EF0-6F43-C049-E91C-6EA62A15A5DC}"/>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Content Placeholder 14">
            <a:extLst>
              <a:ext uri="{FF2B5EF4-FFF2-40B4-BE49-F238E27FC236}">
                <a16:creationId xmlns:a16="http://schemas.microsoft.com/office/drawing/2014/main" id="{D659F715-9FDE-EF01-EF8D-B4F4559F1557}"/>
              </a:ext>
            </a:extLst>
          </p:cNvPr>
          <p:cNvPicPr>
            <a:picLocks noGrp="1" noChangeAspect="1"/>
          </p:cNvPicPr>
          <p:nvPr>
            <p:ph sz="quarter" idx="4"/>
          </p:nvPr>
        </p:nvPicPr>
        <p:blipFill>
          <a:blip r:embed="rId3"/>
          <a:stretch>
            <a:fillRect/>
          </a:stretch>
        </p:blipFill>
        <p:spPr>
          <a:xfrm>
            <a:off x="9047004" y="2494102"/>
            <a:ext cx="2765364" cy="2826141"/>
          </a:xfrm>
        </p:spPr>
      </p:pic>
      <p:pic>
        <p:nvPicPr>
          <p:cNvPr id="13" name="Picture 12">
            <a:extLst>
              <a:ext uri="{FF2B5EF4-FFF2-40B4-BE49-F238E27FC236}">
                <a16:creationId xmlns:a16="http://schemas.microsoft.com/office/drawing/2014/main" id="{2C4B42F2-2CE3-0E40-06FB-1DF013C9AA82}"/>
              </a:ext>
            </a:extLst>
          </p:cNvPr>
          <p:cNvPicPr>
            <a:picLocks noChangeAspect="1"/>
          </p:cNvPicPr>
          <p:nvPr/>
        </p:nvPicPr>
        <p:blipFill>
          <a:blip r:embed="rId4"/>
          <a:stretch>
            <a:fillRect/>
          </a:stretch>
        </p:blipFill>
        <p:spPr>
          <a:xfrm>
            <a:off x="5972701" y="2492842"/>
            <a:ext cx="2775494" cy="2826142"/>
          </a:xfrm>
          <a:prstGeom prst="rect">
            <a:avLst/>
          </a:prstGeom>
        </p:spPr>
      </p:pic>
    </p:spTree>
    <p:extLst>
      <p:ext uri="{BB962C8B-B14F-4D97-AF65-F5344CB8AC3E}">
        <p14:creationId xmlns:p14="http://schemas.microsoft.com/office/powerpoint/2010/main" val="396609846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9D85BB2-DC24-FED2-7EC4-F2AC7F857247}"/>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CD50B43B-F951-8215-CB5D-5617626C9FB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8BDD3F1B-B848-D14A-C8DA-0D95C9BD483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CB0D161-56BB-49DC-B0D5-2BD9D743402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33CA06B4-AD4B-61A8-FE22-A18C612C7910}"/>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0" name="Content Placeholder 9">
            <a:extLst>
              <a:ext uri="{FF2B5EF4-FFF2-40B4-BE49-F238E27FC236}">
                <a16:creationId xmlns:a16="http://schemas.microsoft.com/office/drawing/2014/main" id="{62639752-608A-1704-59BC-7FBFD0CA1723}"/>
              </a:ext>
            </a:extLst>
          </p:cNvPr>
          <p:cNvSpPr>
            <a:spLocks noGrp="1"/>
          </p:cNvSpPr>
          <p:nvPr>
            <p:ph sz="half" idx="2"/>
          </p:nvPr>
        </p:nvSpPr>
        <p:spPr>
          <a:xfrm>
            <a:off x="543587" y="1732088"/>
            <a:ext cx="5429114" cy="4300412"/>
          </a:xfrm>
        </p:spPr>
        <p:txBody>
          <a:bodyPr rtlCol="0"/>
          <a:lstStyle/>
          <a:p>
            <a:pPr rtl="0"/>
            <a:r>
              <a:rPr lang="en-GB" dirty="0"/>
              <a:t>Generate a number of points on a hemisphere and normalise these to use them as direction vectors. Invert any that are past 90 degrees from the normal of the point we’re looking at.</a:t>
            </a:r>
          </a:p>
          <a:p>
            <a:pPr rtl="0"/>
            <a:r>
              <a:rPr lang="en-GB" dirty="0"/>
              <a:t>If a sample hits something within out specified range we are more occluded and less ambient light should reach this point.</a:t>
            </a:r>
          </a:p>
        </p:txBody>
      </p:sp>
      <p:sp>
        <p:nvSpPr>
          <p:cNvPr id="12" name="Content Placeholder 11">
            <a:extLst>
              <a:ext uri="{FF2B5EF4-FFF2-40B4-BE49-F238E27FC236}">
                <a16:creationId xmlns:a16="http://schemas.microsoft.com/office/drawing/2014/main" id="{4622C10A-2D40-94CE-6084-E9DE8C699A77}"/>
              </a:ext>
            </a:extLst>
          </p:cNvPr>
          <p:cNvSpPr>
            <a:spLocks noGrp="1"/>
          </p:cNvSpPr>
          <p:nvPr>
            <p:ph sz="quarter" idx="4"/>
          </p:nvPr>
        </p:nvSpPr>
        <p:spPr>
          <a:xfrm>
            <a:off x="6096000" y="1328824"/>
            <a:ext cx="5436391" cy="4979901"/>
          </a:xfrm>
        </p:spPr>
        <p:txBody>
          <a:bodyPr rtlCol="0"/>
          <a:lstStyle/>
          <a:p>
            <a:endParaRPr lang="en-GB" sz="2200" dirty="0"/>
          </a:p>
        </p:txBody>
      </p:sp>
      <p:sp>
        <p:nvSpPr>
          <p:cNvPr id="6" name="Slide Number Placeholder 5">
            <a:extLst>
              <a:ext uri="{FF2B5EF4-FFF2-40B4-BE49-F238E27FC236}">
                <a16:creationId xmlns:a16="http://schemas.microsoft.com/office/drawing/2014/main" id="{0CAC9DD4-013E-E3FC-7BC1-B9F342D860CA}"/>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4</a:t>
            </a:fld>
            <a:endParaRPr lang="en-GB"/>
          </a:p>
        </p:txBody>
      </p:sp>
      <p:sp>
        <p:nvSpPr>
          <p:cNvPr id="22" name="Freeform: Shape 21">
            <a:extLst>
              <a:ext uri="{FF2B5EF4-FFF2-40B4-BE49-F238E27FC236}">
                <a16:creationId xmlns:a16="http://schemas.microsoft.com/office/drawing/2014/main" id="{14AA4BA3-0DEA-99FD-0692-A119B2E87A75}"/>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4" name="Picture 3">
            <a:extLst>
              <a:ext uri="{FF2B5EF4-FFF2-40B4-BE49-F238E27FC236}">
                <a16:creationId xmlns:a16="http://schemas.microsoft.com/office/drawing/2014/main" id="{7F5A56C6-C880-D788-1BCD-DC8FA91BCBC4}"/>
              </a:ext>
            </a:extLst>
          </p:cNvPr>
          <p:cNvPicPr>
            <a:picLocks noChangeAspect="1"/>
          </p:cNvPicPr>
          <p:nvPr/>
        </p:nvPicPr>
        <p:blipFill>
          <a:blip r:embed="rId3"/>
          <a:stretch>
            <a:fillRect/>
          </a:stretch>
        </p:blipFill>
        <p:spPr>
          <a:xfrm>
            <a:off x="6190654" y="1478799"/>
            <a:ext cx="5247082" cy="4278694"/>
          </a:xfrm>
          <a:prstGeom prst="rect">
            <a:avLst/>
          </a:prstGeom>
        </p:spPr>
      </p:pic>
    </p:spTree>
    <p:extLst>
      <p:ext uri="{BB962C8B-B14F-4D97-AF65-F5344CB8AC3E}">
        <p14:creationId xmlns:p14="http://schemas.microsoft.com/office/powerpoint/2010/main" val="284635636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828E44C-573E-0E1B-16C6-17DC967B8D87}"/>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65AA1ED-CEB6-FC14-53C6-12797D1CF4B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06623644-C0DB-0288-9E6B-E713D5C2AF9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771F301-A727-B866-68F3-623574FD3BDC}"/>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A5E743E7-436C-B796-FBCA-12B8815B51EE}"/>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2" name="Content Placeholder 11">
            <a:extLst>
              <a:ext uri="{FF2B5EF4-FFF2-40B4-BE49-F238E27FC236}">
                <a16:creationId xmlns:a16="http://schemas.microsoft.com/office/drawing/2014/main" id="{30BCD1E0-C8A4-7478-E7B4-3B34AEC2F20D}"/>
              </a:ext>
            </a:extLst>
          </p:cNvPr>
          <p:cNvSpPr>
            <a:spLocks noGrp="1"/>
          </p:cNvSpPr>
          <p:nvPr>
            <p:ph sz="quarter" idx="4"/>
          </p:nvPr>
        </p:nvSpPr>
        <p:spPr>
          <a:xfrm>
            <a:off x="346229" y="3900475"/>
            <a:ext cx="11186162" cy="2606737"/>
          </a:xfrm>
        </p:spPr>
        <p:txBody>
          <a:bodyPr rtlCol="0"/>
          <a:lstStyle/>
          <a:p>
            <a:r>
              <a:rPr lang="en-GB" sz="2200" dirty="0"/>
              <a:t>Optimised to split samples into smaller groups and test groups one by one.  We exit early when no new samples hit something. Avoids testing lots of samples unnecessarily.</a:t>
            </a:r>
          </a:p>
          <a:p>
            <a:r>
              <a:rPr lang="en-GB" sz="2200" dirty="0"/>
              <a:t>Greatly increases performance in scenes where there is less ambient occlusion.</a:t>
            </a:r>
          </a:p>
          <a:p>
            <a:pPr rtl="0"/>
            <a:r>
              <a:rPr lang="en-GB" sz="2200" dirty="0"/>
              <a:t>Sample splitting creates false negative where we exit early assuming no ambient occlusion when, if we tested more samples, we’d find there is some.</a:t>
            </a:r>
          </a:p>
        </p:txBody>
      </p:sp>
      <p:sp>
        <p:nvSpPr>
          <p:cNvPr id="6" name="Slide Number Placeholder 5">
            <a:extLst>
              <a:ext uri="{FF2B5EF4-FFF2-40B4-BE49-F238E27FC236}">
                <a16:creationId xmlns:a16="http://schemas.microsoft.com/office/drawing/2014/main" id="{4EFDE768-04C0-D047-CEAB-36978545DA10}"/>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5</a:t>
            </a:fld>
            <a:endParaRPr lang="en-GB"/>
          </a:p>
        </p:txBody>
      </p:sp>
      <p:sp>
        <p:nvSpPr>
          <p:cNvPr id="22" name="Freeform: Shape 21">
            <a:extLst>
              <a:ext uri="{FF2B5EF4-FFF2-40B4-BE49-F238E27FC236}">
                <a16:creationId xmlns:a16="http://schemas.microsoft.com/office/drawing/2014/main" id="{B3AB366A-997C-AF25-3826-09A0681ED916}"/>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1" name="Picture 10">
            <a:extLst>
              <a:ext uri="{FF2B5EF4-FFF2-40B4-BE49-F238E27FC236}">
                <a16:creationId xmlns:a16="http://schemas.microsoft.com/office/drawing/2014/main" id="{71D1DED2-E669-A467-3472-C3E5771138D9}"/>
              </a:ext>
            </a:extLst>
          </p:cNvPr>
          <p:cNvPicPr>
            <a:picLocks noChangeAspect="1"/>
          </p:cNvPicPr>
          <p:nvPr/>
        </p:nvPicPr>
        <p:blipFill>
          <a:blip r:embed="rId3"/>
          <a:stretch>
            <a:fillRect/>
          </a:stretch>
        </p:blipFill>
        <p:spPr>
          <a:xfrm>
            <a:off x="2294078" y="1215275"/>
            <a:ext cx="7603844" cy="2606737"/>
          </a:xfrm>
          <a:prstGeom prst="rect">
            <a:avLst/>
          </a:prstGeom>
        </p:spPr>
      </p:pic>
    </p:spTree>
    <p:extLst>
      <p:ext uri="{BB962C8B-B14F-4D97-AF65-F5344CB8AC3E}">
        <p14:creationId xmlns:p14="http://schemas.microsoft.com/office/powerpoint/2010/main" val="56375790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904A4A7-076F-1C1B-C41F-385F438CA4CE}"/>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0029F1ED-6780-4859-A745-CF5709C3DC41}"/>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8CE5A3F1-3F78-2353-7E14-C573F67E811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215705D8-5226-52CD-443F-4FC638B2B2E3}"/>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830AF850-CE83-9D4F-5184-499D67533E74}"/>
              </a:ext>
            </a:extLst>
          </p:cNvPr>
          <p:cNvSpPr>
            <a:spLocks noGrp="1"/>
          </p:cNvSpPr>
          <p:nvPr>
            <p:ph type="title"/>
          </p:nvPr>
        </p:nvSpPr>
        <p:spPr>
          <a:xfrm>
            <a:off x="550862" y="549275"/>
            <a:ext cx="11097551" cy="1332000"/>
          </a:xfrm>
        </p:spPr>
        <p:txBody>
          <a:bodyPr rtlCol="0">
            <a:normAutofit/>
          </a:bodyPr>
          <a:lstStyle/>
          <a:p>
            <a:pPr rtl="0"/>
            <a:r>
              <a:rPr lang="en-GB" dirty="0"/>
              <a:t>Design</a:t>
            </a:r>
          </a:p>
        </p:txBody>
      </p:sp>
      <p:sp>
        <p:nvSpPr>
          <p:cNvPr id="10" name="Content Placeholder 9">
            <a:extLst>
              <a:ext uri="{FF2B5EF4-FFF2-40B4-BE49-F238E27FC236}">
                <a16:creationId xmlns:a16="http://schemas.microsoft.com/office/drawing/2014/main" id="{F18C3282-9FE6-7D0D-727D-768BA4EC080A}"/>
              </a:ext>
            </a:extLst>
          </p:cNvPr>
          <p:cNvSpPr>
            <a:spLocks noGrp="1"/>
          </p:cNvSpPr>
          <p:nvPr>
            <p:ph sz="half" idx="2"/>
          </p:nvPr>
        </p:nvSpPr>
        <p:spPr>
          <a:xfrm>
            <a:off x="550864" y="1881275"/>
            <a:ext cx="5429114" cy="4563975"/>
          </a:xfrm>
        </p:spPr>
        <p:txBody>
          <a:bodyPr rtlCol="0"/>
          <a:lstStyle/>
          <a:p>
            <a:r>
              <a:rPr lang="en-GB" dirty="0"/>
              <a:t>The number of tasks dictates how many separate groups of pixels the screen is split up into.</a:t>
            </a:r>
          </a:p>
          <a:p>
            <a:pPr rtl="0"/>
            <a:r>
              <a:rPr lang="en-GB" dirty="0"/>
              <a:t>Those tasks are sent off to the thread pool where one thread will work on one task until it’s done, then that thread will work on the next task that isn’t getting worked on.</a:t>
            </a:r>
          </a:p>
          <a:p>
            <a:r>
              <a:rPr lang="en-GB" dirty="0"/>
              <a:t>Tasks can be set independently from threads.</a:t>
            </a:r>
          </a:p>
        </p:txBody>
      </p:sp>
      <p:sp>
        <p:nvSpPr>
          <p:cNvPr id="12" name="Content Placeholder 11">
            <a:extLst>
              <a:ext uri="{FF2B5EF4-FFF2-40B4-BE49-F238E27FC236}">
                <a16:creationId xmlns:a16="http://schemas.microsoft.com/office/drawing/2014/main" id="{7CD99F96-5BF8-FE7A-BA99-1F7CC17B1106}"/>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BF9E3E65-3CB2-E3D8-2798-13076FD71898}"/>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6</a:t>
            </a:fld>
            <a:endParaRPr lang="en-GB"/>
          </a:p>
        </p:txBody>
      </p:sp>
      <p:sp>
        <p:nvSpPr>
          <p:cNvPr id="22" name="Freeform: Shape 21">
            <a:extLst>
              <a:ext uri="{FF2B5EF4-FFF2-40B4-BE49-F238E27FC236}">
                <a16:creationId xmlns:a16="http://schemas.microsoft.com/office/drawing/2014/main" id="{AA7B0238-E901-7BF6-761E-5B30CA0A0E6E}"/>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Picture 14">
            <a:extLst>
              <a:ext uri="{FF2B5EF4-FFF2-40B4-BE49-F238E27FC236}">
                <a16:creationId xmlns:a16="http://schemas.microsoft.com/office/drawing/2014/main" id="{18F5EBCA-10F4-0EDA-1A91-F1D71246B1E4}"/>
              </a:ext>
            </a:extLst>
          </p:cNvPr>
          <p:cNvPicPr>
            <a:picLocks noChangeAspect="1"/>
          </p:cNvPicPr>
          <p:nvPr/>
        </p:nvPicPr>
        <p:blipFill>
          <a:blip r:embed="rId3"/>
          <a:stretch>
            <a:fillRect/>
          </a:stretch>
        </p:blipFill>
        <p:spPr>
          <a:xfrm>
            <a:off x="6391664" y="70272"/>
            <a:ext cx="4291107" cy="2166902"/>
          </a:xfrm>
          <a:prstGeom prst="rect">
            <a:avLst/>
          </a:prstGeom>
        </p:spPr>
      </p:pic>
      <p:pic>
        <p:nvPicPr>
          <p:cNvPr id="21" name="Picture 20">
            <a:extLst>
              <a:ext uri="{FF2B5EF4-FFF2-40B4-BE49-F238E27FC236}">
                <a16:creationId xmlns:a16="http://schemas.microsoft.com/office/drawing/2014/main" id="{FC3D1641-F05A-3D59-4CFD-9288ABC3DBB3}"/>
              </a:ext>
            </a:extLst>
          </p:cNvPr>
          <p:cNvPicPr>
            <a:picLocks noChangeAspect="1"/>
          </p:cNvPicPr>
          <p:nvPr/>
        </p:nvPicPr>
        <p:blipFill>
          <a:blip r:embed="rId4"/>
          <a:stretch>
            <a:fillRect/>
          </a:stretch>
        </p:blipFill>
        <p:spPr>
          <a:xfrm>
            <a:off x="6391660" y="2306425"/>
            <a:ext cx="4291107" cy="2167045"/>
          </a:xfrm>
          <a:prstGeom prst="rect">
            <a:avLst/>
          </a:prstGeom>
        </p:spPr>
      </p:pic>
      <p:pic>
        <p:nvPicPr>
          <p:cNvPr id="29" name="Picture 28">
            <a:extLst>
              <a:ext uri="{FF2B5EF4-FFF2-40B4-BE49-F238E27FC236}">
                <a16:creationId xmlns:a16="http://schemas.microsoft.com/office/drawing/2014/main" id="{C3638DBC-EAFB-F8D3-1C13-D3867A8EB36F}"/>
              </a:ext>
            </a:extLst>
          </p:cNvPr>
          <p:cNvPicPr>
            <a:picLocks noChangeAspect="1"/>
          </p:cNvPicPr>
          <p:nvPr/>
        </p:nvPicPr>
        <p:blipFill>
          <a:blip r:embed="rId5"/>
          <a:stretch>
            <a:fillRect/>
          </a:stretch>
        </p:blipFill>
        <p:spPr>
          <a:xfrm>
            <a:off x="6391659" y="4542721"/>
            <a:ext cx="4291107" cy="2163315"/>
          </a:xfrm>
          <a:prstGeom prst="rect">
            <a:avLst/>
          </a:prstGeom>
        </p:spPr>
      </p:pic>
    </p:spTree>
    <p:extLst>
      <p:ext uri="{BB962C8B-B14F-4D97-AF65-F5344CB8AC3E}">
        <p14:creationId xmlns:p14="http://schemas.microsoft.com/office/powerpoint/2010/main" val="291405434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CCD3A9B-7D09-AEDE-0194-E207AC13C886}"/>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D9E50B93-2C8F-08E6-A437-C5FF1CC9CB4E}"/>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CCD4223-C5D7-9E83-34C7-7AD52631A5C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FE90D34-F04D-7071-B515-C9E90029EEC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3DDD7DB-2CAD-1213-6744-CD2E1F60DC1A}"/>
              </a:ext>
            </a:extLst>
          </p:cNvPr>
          <p:cNvSpPr>
            <a:spLocks noGrp="1"/>
          </p:cNvSpPr>
          <p:nvPr>
            <p:ph type="title"/>
          </p:nvPr>
        </p:nvSpPr>
        <p:spPr>
          <a:xfrm>
            <a:off x="550862" y="549275"/>
            <a:ext cx="11097551" cy="1332000"/>
          </a:xfrm>
        </p:spPr>
        <p:txBody>
          <a:bodyPr rtlCol="0">
            <a:normAutofit/>
          </a:bodyPr>
          <a:lstStyle/>
          <a:p>
            <a:pPr rtl="0"/>
            <a:r>
              <a:rPr lang="en-GB" dirty="0"/>
              <a:t>Analysis</a:t>
            </a:r>
          </a:p>
        </p:txBody>
      </p:sp>
      <p:sp>
        <p:nvSpPr>
          <p:cNvPr id="10" name="Content Placeholder 9">
            <a:extLst>
              <a:ext uri="{FF2B5EF4-FFF2-40B4-BE49-F238E27FC236}">
                <a16:creationId xmlns:a16="http://schemas.microsoft.com/office/drawing/2014/main" id="{1932A8A4-ACE1-6D60-56AA-C6D5A89EEB97}"/>
              </a:ext>
            </a:extLst>
          </p:cNvPr>
          <p:cNvSpPr>
            <a:spLocks noGrp="1"/>
          </p:cNvSpPr>
          <p:nvPr>
            <p:ph sz="half" idx="2"/>
          </p:nvPr>
        </p:nvSpPr>
        <p:spPr>
          <a:xfrm>
            <a:off x="550863" y="1881275"/>
            <a:ext cx="5894325" cy="3515555"/>
          </a:xfrm>
        </p:spPr>
        <p:txBody>
          <a:bodyPr rtlCol="0"/>
          <a:lstStyle/>
          <a:p>
            <a:r>
              <a:rPr lang="en-GB" dirty="0"/>
              <a:t>All tests use</a:t>
            </a:r>
          </a:p>
          <a:p>
            <a:pPr marL="0" indent="0">
              <a:buNone/>
            </a:pPr>
            <a:r>
              <a:rPr lang="en-GB" dirty="0"/>
              <a:t>	- 640 x 480 resolution. </a:t>
            </a:r>
          </a:p>
          <a:p>
            <a:pPr marL="0" indent="0">
              <a:buNone/>
            </a:pPr>
            <a:r>
              <a:rPr lang="en-GB" dirty="0"/>
              <a:t>	- Average frame time over 10 frames, all 	recorded in </a:t>
            </a:r>
            <a:r>
              <a:rPr lang="en-GB" dirty="0" err="1"/>
              <a:t>ms</a:t>
            </a:r>
            <a:r>
              <a:rPr lang="en-GB" dirty="0"/>
              <a:t>.</a:t>
            </a:r>
          </a:p>
          <a:p>
            <a:pPr marL="0" indent="0">
              <a:buNone/>
            </a:pPr>
            <a:r>
              <a:rPr lang="en-GB" dirty="0"/>
              <a:t>	- Core i7-13700 16 core CPU.</a:t>
            </a:r>
          </a:p>
        </p:txBody>
      </p:sp>
      <p:sp>
        <p:nvSpPr>
          <p:cNvPr id="12" name="Content Placeholder 11">
            <a:extLst>
              <a:ext uri="{FF2B5EF4-FFF2-40B4-BE49-F238E27FC236}">
                <a16:creationId xmlns:a16="http://schemas.microsoft.com/office/drawing/2014/main" id="{33B31519-0E00-C5D0-62BF-2BA712EAB97D}"/>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06659AA9-48FD-45A1-95EE-F4E4EBC7FEFC}"/>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7</a:t>
            </a:fld>
            <a:endParaRPr lang="en-GB"/>
          </a:p>
        </p:txBody>
      </p:sp>
      <p:sp>
        <p:nvSpPr>
          <p:cNvPr id="22" name="Freeform: Shape 21">
            <a:extLst>
              <a:ext uri="{FF2B5EF4-FFF2-40B4-BE49-F238E27FC236}">
                <a16:creationId xmlns:a16="http://schemas.microsoft.com/office/drawing/2014/main" id="{E1DCBF19-42E0-F2DF-BB0B-16B0A863BEB1}"/>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25276370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4DF1C49-C866-6964-0737-A6C3DEFBD1C9}"/>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A8767ED-37AA-74E0-B9A3-9F514E3B3DBB}"/>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7B6570F-A774-DBCB-F048-A1B288967D8D}"/>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54D87D99-B11A-CFF6-CB9E-5E131840AA43}"/>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C64D439D-9405-D17F-11AD-90F6B9B66954}"/>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10" name="Content Placeholder 9">
            <a:extLst>
              <a:ext uri="{FF2B5EF4-FFF2-40B4-BE49-F238E27FC236}">
                <a16:creationId xmlns:a16="http://schemas.microsoft.com/office/drawing/2014/main" id="{57BC4F43-410B-891E-AEA6-755EC87E0035}"/>
              </a:ext>
            </a:extLst>
          </p:cNvPr>
          <p:cNvSpPr>
            <a:spLocks noGrp="1"/>
          </p:cNvSpPr>
          <p:nvPr>
            <p:ph sz="half" idx="2"/>
          </p:nvPr>
        </p:nvSpPr>
        <p:spPr>
          <a:xfrm>
            <a:off x="550864" y="1881275"/>
            <a:ext cx="5429114" cy="3515555"/>
          </a:xfrm>
        </p:spPr>
        <p:txBody>
          <a:bodyPr rtlCol="0"/>
          <a:lstStyle/>
          <a:p>
            <a:r>
              <a:rPr lang="en-GB" dirty="0"/>
              <a:t>Using scene 1 with 64 ambient occlusion samples with a split of 1.</a:t>
            </a:r>
          </a:p>
          <a:p>
            <a:r>
              <a:rPr lang="en-GB" dirty="0"/>
              <a:t>Tested 1 to 500 threads to see the difference in frame time.</a:t>
            </a:r>
          </a:p>
          <a:p>
            <a:r>
              <a:rPr lang="en-GB" dirty="0"/>
              <a:t>Use the same number of tasks as the number of threads so each thread has one equal portion of pixels to render.</a:t>
            </a:r>
          </a:p>
        </p:txBody>
      </p:sp>
      <p:pic>
        <p:nvPicPr>
          <p:cNvPr id="3" name="Content Placeholder 2">
            <a:extLst>
              <a:ext uri="{FF2B5EF4-FFF2-40B4-BE49-F238E27FC236}">
                <a16:creationId xmlns:a16="http://schemas.microsoft.com/office/drawing/2014/main" id="{30045150-08AF-8945-BD60-ADBECDDEE721}"/>
              </a:ext>
            </a:extLst>
          </p:cNvPr>
          <p:cNvPicPr>
            <a:picLocks noGrp="1" noChangeAspect="1"/>
          </p:cNvPicPr>
          <p:nvPr>
            <p:ph sz="quarter" idx="4"/>
          </p:nvPr>
        </p:nvPicPr>
        <p:blipFill>
          <a:blip r:embed="rId3"/>
          <a:stretch>
            <a:fillRect/>
          </a:stretch>
        </p:blipFill>
        <p:spPr>
          <a:xfrm>
            <a:off x="6096000" y="1506236"/>
            <a:ext cx="5711426" cy="4261190"/>
          </a:xfrm>
        </p:spPr>
      </p:pic>
      <p:sp>
        <p:nvSpPr>
          <p:cNvPr id="6" name="Slide Number Placeholder 5">
            <a:extLst>
              <a:ext uri="{FF2B5EF4-FFF2-40B4-BE49-F238E27FC236}">
                <a16:creationId xmlns:a16="http://schemas.microsoft.com/office/drawing/2014/main" id="{8631F2AE-42CE-C74E-EA8D-F4862BCE9636}"/>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8</a:t>
            </a:fld>
            <a:endParaRPr lang="en-GB"/>
          </a:p>
        </p:txBody>
      </p:sp>
      <p:sp>
        <p:nvSpPr>
          <p:cNvPr id="22" name="Freeform: Shape 21">
            <a:extLst>
              <a:ext uri="{FF2B5EF4-FFF2-40B4-BE49-F238E27FC236}">
                <a16:creationId xmlns:a16="http://schemas.microsoft.com/office/drawing/2014/main" id="{760857BB-77DA-8467-1498-DEB7DECA0076}"/>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63600165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AB4314E-1C7F-CD61-FDC8-BC575187608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64E664E3-EFBA-38E3-1ECC-9AF84CEA4547}"/>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F476D424-4D1B-D0BD-44F8-3F3830DB29E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2CF14A6-7099-B0CB-3F63-CC57590D8E3C}"/>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422780D7-CEF9-653A-11A6-DC0FC9131D09}"/>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6" name="Slide Number Placeholder 5">
            <a:extLst>
              <a:ext uri="{FF2B5EF4-FFF2-40B4-BE49-F238E27FC236}">
                <a16:creationId xmlns:a16="http://schemas.microsoft.com/office/drawing/2014/main" id="{4D448B61-62D5-2D4D-35D3-09C4C297F2A1}"/>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9</a:t>
            </a:fld>
            <a:endParaRPr lang="en-GB"/>
          </a:p>
        </p:txBody>
      </p:sp>
      <p:sp>
        <p:nvSpPr>
          <p:cNvPr id="22" name="Freeform: Shape 21">
            <a:extLst>
              <a:ext uri="{FF2B5EF4-FFF2-40B4-BE49-F238E27FC236}">
                <a16:creationId xmlns:a16="http://schemas.microsoft.com/office/drawing/2014/main" id="{FEC78BB5-AAD2-87FD-350B-208C4B2C86BF}"/>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5" name="Chart 4">
            <a:extLst>
              <a:ext uri="{FF2B5EF4-FFF2-40B4-BE49-F238E27FC236}">
                <a16:creationId xmlns:a16="http://schemas.microsoft.com/office/drawing/2014/main" id="{BEEDB0D2-A749-51B5-051A-6368112331DE}"/>
              </a:ext>
            </a:extLst>
          </p:cNvPr>
          <p:cNvGraphicFramePr>
            <a:graphicFrameLocks/>
          </p:cNvGraphicFramePr>
          <p:nvPr>
            <p:extLst>
              <p:ext uri="{D42A27DB-BD31-4B8C-83A1-F6EECF244321}">
                <p14:modId xmlns:p14="http://schemas.microsoft.com/office/powerpoint/2010/main" val="2152554858"/>
              </p:ext>
            </p:extLst>
          </p:nvPr>
        </p:nvGraphicFramePr>
        <p:xfrm>
          <a:off x="699982" y="1286540"/>
          <a:ext cx="10698119" cy="537456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154064723"/>
      </p:ext>
    </p:extLst>
  </p:cSld>
  <p:clrMapOvr>
    <a:masterClrMapping/>
  </p:clrMapOvr>
</p:sld>
</file>

<file path=ppt/theme/theme1.xml><?xml version="1.0" encoding="utf-8"?>
<a:theme xmlns:a="http://schemas.openxmlformats.org/drawingml/2006/main" name="3DFloatVTI">
  <a:themeElements>
    <a:clrScheme name="Float">
      <a:dk1>
        <a:sysClr val="windowText" lastClr="000000"/>
      </a:dk1>
      <a:lt1>
        <a:sysClr val="window" lastClr="FFFFFF"/>
      </a:lt1>
      <a:dk2>
        <a:srgbClr val="1B192E"/>
      </a:dk2>
      <a:lt2>
        <a:srgbClr val="EAE5EB"/>
      </a:lt2>
      <a:accent1>
        <a:srgbClr val="13BE89"/>
      </a:accent1>
      <a:accent2>
        <a:srgbClr val="12B1BF"/>
      </a:accent2>
      <a:accent3>
        <a:srgbClr val="D40AA8"/>
      </a:accent3>
      <a:accent4>
        <a:srgbClr val="B86E62"/>
      </a:accent4>
      <a:accent5>
        <a:srgbClr val="A3A3C1"/>
      </a:accent5>
      <a:accent6>
        <a:srgbClr val="37335B"/>
      </a:accent6>
      <a:hlink>
        <a:srgbClr val="0066FF"/>
      </a:hlink>
      <a:folHlink>
        <a:srgbClr val="666699"/>
      </a:folHlink>
    </a:clrScheme>
    <a:fontScheme name="Float">
      <a:majorFont>
        <a:latin typeface="Walbaum Display"/>
        <a:ea typeface=""/>
        <a:cs typeface=""/>
      </a:majorFont>
      <a:minorFont>
        <a:latin typeface="Gill Sans MT"/>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74515124.tgt.Office_50301378_TF33713516_Win32_OJ112196127" id="{EDFFA481-CE53-4409-8D36-2ECF03B6BBD6}" vid="{001D13DB-0C6A-47B8-A3F5-ADC4851DB2E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Image xmlns="71af3243-3dd4-4a8d-8c0d-dd76da1f02a5">
      <Url xsi:nil="true"/>
      <Description xsi:nil="true"/>
    </Image>
    <Status xmlns="71af3243-3dd4-4a8d-8c0d-dd76da1f02a5">Not started</Status>
    <_ip_UnifiedCompliancePolicyProperties xmlns="http://schemas.microsoft.com/sharepoint/v3" xsi:nil="true"/>
    <lcf76f155ced4ddcb4097134ff3c332f xmlns="71af3243-3dd4-4a8d-8c0d-dd76da1f02a5">
      <Terms xmlns="http://schemas.microsoft.com/office/infopath/2007/PartnerControls"/>
    </lcf76f155ced4ddcb4097134ff3c332f>
    <TaxCatchAll xmlns="230e9df3-be65-4c73-a93b-d1236ebd677e"/>
    <MediaServiceKeyPoints xmlns="71af3243-3dd4-4a8d-8c0d-dd76da1f02a5" xsi:nil="tru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8" ma:contentTypeDescription="Create a new document." ma:contentTypeScope="" ma:versionID="22a266b9fa9a230c5a512669d8b298c3">
  <xsd:schema xmlns:xsd="http://www.w3.org/2001/XMLSchema" xmlns:xs="http://www.w3.org/2001/XMLSchema" xmlns:p="http://schemas.microsoft.com/office/2006/metadata/properties" xmlns:ns1="http://schemas.microsoft.com/sharepoint/v3" xmlns:ns2="71af3243-3dd4-4a8d-8c0d-dd76da1f02a5" xmlns:ns3="16c05727-aa75-4e4a-9b5f-8a80a1165891" xmlns:ns4="230e9df3-be65-4c73-a93b-d1236ebd677e" targetNamespace="http://schemas.microsoft.com/office/2006/metadata/properties" ma:root="true" ma:fieldsID="eddc33fff6b14141ee5c74a0d29ea6a1" ns1:_="" ns2:_="" ns3:_="" ns4:_="">
    <xsd:import namespace="http://schemas.microsoft.com/sharepoint/v3"/>
    <xsd:import namespace="71af3243-3dd4-4a8d-8c0d-dd76da1f02a5"/>
    <xsd:import namespace="16c05727-aa75-4e4a-9b5f-8a80a1165891"/>
    <xsd:import namespace="230e9df3-be65-4c73-a93b-d1236ebd677e"/>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element ref="ns2:Status" minOccurs="0"/>
                <xsd:element ref="ns1:_ip_UnifiedCompliancePolicyProperties" minOccurs="0"/>
                <xsd:element ref="ns1:_ip_UnifiedCompliancePolicyUIAction" minOccurs="0"/>
                <xsd:element ref="ns2:Image" minOccurs="0"/>
                <xsd:element ref="ns2:lcf76f155ced4ddcb4097134ff3c332f" minOccurs="0"/>
                <xsd:element ref="ns4: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0" nillable="true" ma:displayName="Unified Compliance Policy Properties" ma:hidden="true" ma:internalName="_ip_UnifiedCompliancePolicyProperties">
      <xsd:simpleType>
        <xsd:restriction base="dms:Note"/>
      </xsd:simpleType>
    </xsd:element>
    <xsd:element name="_ip_UnifiedCompliancePolicyUIAction" ma:index="21"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element name="Status" ma:index="19" nillable="true" ma:displayName="Status" ma:default="Not started" ma:format="Dropdown" ma:internalName="Status">
      <xsd:simpleType>
        <xsd:restriction base="dms:Choice">
          <xsd:enumeration value="Not started"/>
          <xsd:enumeration value="In Progress"/>
          <xsd:enumeration value="Completed"/>
        </xsd:restriction>
      </xsd:simpleType>
    </xsd:element>
    <xsd:element name="Image" ma:index="22" nillable="true" ma:displayName="Image" ma:format="Image" ma:internalName="Image">
      <xsd:complexType>
        <xsd:complexContent>
          <xsd:extension base="dms:URL">
            <xsd:sequence>
              <xsd:element name="Url" type="dms:ValidUrl" minOccurs="0" nillable="true"/>
              <xsd:element name="Description" type="xsd:string" nillable="true"/>
            </xsd:sequence>
          </xsd:extension>
        </xsd:complexContent>
      </xsd:complexType>
    </xsd:element>
    <xsd:element name="lcf76f155ced4ddcb4097134ff3c332f" ma:index="24" nillable="true" ma:taxonomy="true" ma:internalName="lcf76f155ced4ddcb4097134ff3c332f" ma:taxonomyFieldName="MediaServiceAITags" ma:displayName="Image Tags" ma:readOnly="false" ma:fieldId="{5cf76f15-5ced-4ddc-b409-7134ff3c332f}" ma:taxonomyMulti="true" ma:sspId="e385fb40-52d4-4fae-9c5b-3e8ff8a5878e" ma:termSetId="09814cd3-568e-4e90-9814-8d621ff8fb84" ma:anchorId="00000000-0000-0000-0000-000000000000"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30e9df3-be65-4c73-a93b-d1236ebd677e"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3f6bfcbc-3db3-4ae6-bd76-326f0798ad28}" ma:internalName="TaxCatchAll" ma:showField="CatchAllData" ma:web="16c05727-aa75-4e4a-9b5f-8a80a1165891">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0811A92-D464-4AC4-A396-BA73B10CEEAC}">
  <ds:schemaRefs>
    <ds:schemaRef ds:uri="http://schemas.microsoft.com/office/2006/metadata/properties"/>
    <ds:schemaRef ds:uri="http://schemas.microsoft.com/office/infopath/2007/PartnerControls"/>
    <ds:schemaRef ds:uri="http://schemas.microsoft.com/sharepoint/v3"/>
    <ds:schemaRef ds:uri="71af3243-3dd4-4a8d-8c0d-dd76da1f02a5"/>
    <ds:schemaRef ds:uri="230e9df3-be65-4c73-a93b-d1236ebd677e"/>
  </ds:schemaRefs>
</ds:datastoreItem>
</file>

<file path=customXml/itemProps2.xml><?xml version="1.0" encoding="utf-8"?>
<ds:datastoreItem xmlns:ds="http://schemas.openxmlformats.org/officeDocument/2006/customXml" ds:itemID="{904751AB-E840-446F-8D49-E697067EC887}">
  <ds:schemaRefs>
    <ds:schemaRef ds:uri="http://schemas.microsoft.com/sharepoint/v3/contenttype/forms"/>
  </ds:schemaRefs>
</ds:datastoreItem>
</file>

<file path=customXml/itemProps3.xml><?xml version="1.0" encoding="utf-8"?>
<ds:datastoreItem xmlns:ds="http://schemas.openxmlformats.org/officeDocument/2006/customXml" ds:itemID="{DE4876F9-7AE1-498D-B8FE-1E3AD703D2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71af3243-3dd4-4a8d-8c0d-dd76da1f02a5"/>
    <ds:schemaRef ds:uri="16c05727-aa75-4e4a-9b5f-8a80a1165891"/>
    <ds:schemaRef ds:uri="230e9df3-be65-4c73-a93b-d1236ebd677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f42aa342-8706-4288-bd11-ebb85995028c}" enabled="1" method="Standard" siteId="{72f988bf-86f1-41af-91ab-2d7cd011db47}" contentBits="0" removed="0"/>
</clbl:labelList>
</file>

<file path=docProps/app.xml><?xml version="1.0" encoding="utf-8"?>
<Properties xmlns="http://schemas.openxmlformats.org/officeDocument/2006/extended-properties" xmlns:vt="http://schemas.openxmlformats.org/officeDocument/2006/docPropsVTypes">
  <Template>{151395CF-1B0F-402B-99D6-4AC2FF8F668E}tf33713516_win32</Template>
  <TotalTime>1231</TotalTime>
  <Words>2352</Words>
  <Application>Microsoft Office PowerPoint</Application>
  <PresentationFormat>Widescreen</PresentationFormat>
  <Paragraphs>185</Paragraphs>
  <Slides>21</Slides>
  <Notes>21</Notes>
  <HiddenSlides>0</HiddenSlides>
  <MMClips>0</MMClips>
  <ScaleCrop>false</ScaleCrop>
  <HeadingPairs>
    <vt:vector size="6" baseType="variant">
      <vt:variant>
        <vt:lpstr>Fonts Used</vt:lpstr>
      </vt:variant>
      <vt:variant>
        <vt:i4>4</vt:i4>
      </vt:variant>
      <vt:variant>
        <vt:lpstr>Theme</vt:lpstr>
      </vt:variant>
      <vt:variant>
        <vt:i4>1</vt:i4>
      </vt:variant>
      <vt:variant>
        <vt:lpstr>Slide Titles</vt:lpstr>
      </vt:variant>
      <vt:variant>
        <vt:i4>21</vt:i4>
      </vt:variant>
    </vt:vector>
  </HeadingPairs>
  <TitlesOfParts>
    <vt:vector size="26" baseType="lpstr">
      <vt:lpstr>Arial</vt:lpstr>
      <vt:lpstr>Calibri</vt:lpstr>
      <vt:lpstr>Gill Sans MT</vt:lpstr>
      <vt:lpstr>Walbaum Display</vt:lpstr>
      <vt:lpstr>3DFloatVTI</vt:lpstr>
      <vt:lpstr>Graphics and Computational Programming</vt:lpstr>
      <vt:lpstr>Features</vt:lpstr>
      <vt:lpstr>Theory – ambient occlusion</vt:lpstr>
      <vt:lpstr>Theory – ambient occlusion</vt:lpstr>
      <vt:lpstr>Theory – ambient occlusion</vt:lpstr>
      <vt:lpstr>Design</vt:lpstr>
      <vt:lpstr>Analysis</vt:lpstr>
      <vt:lpstr>Analysis – test 1, threads</vt:lpstr>
      <vt:lpstr>Analysis – test 1, threads</vt:lpstr>
      <vt:lpstr>Analysis – test 1, threads</vt:lpstr>
      <vt:lpstr>Analysis – test 1, threads</vt:lpstr>
      <vt:lpstr>Analysis – test 2, threads &amp; tasks</vt:lpstr>
      <vt:lpstr>Analysis – test 2, threads &amp; tasks</vt:lpstr>
      <vt:lpstr>Analysis – test 2, threads &amp; tasks</vt:lpstr>
      <vt:lpstr>Analysis – test 3, ambient occlusion</vt:lpstr>
      <vt:lpstr>Analysis – test 3, ambient occlusion</vt:lpstr>
      <vt:lpstr>Analysis – test 3, ambient occlusion</vt:lpstr>
      <vt:lpstr>Analysis – test 3, ambient occlusion</vt:lpstr>
      <vt:lpstr>Analysis – test 3, ambient occlusion</vt:lpstr>
      <vt:lpstr>Qualitative</vt:lpstr>
      <vt:lpstr>References</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aphics and Computational Programming</dc:title>
  <dc:creator>James Comer</dc:creator>
  <cp:lastModifiedBy>James Comer</cp:lastModifiedBy>
  <cp:revision>25</cp:revision>
  <dcterms:created xsi:type="dcterms:W3CDTF">2024-12-15T15:59:54Z</dcterms:created>
  <dcterms:modified xsi:type="dcterms:W3CDTF">2024-12-18T17:57:0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